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827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28629B04-E52F-4D7A-BF39-BFB836CEDF00}" xr6:coauthVersionLast="47" xr6:coauthVersionMax="47" xr10:uidLastSave="{00000000-0000-0000-0000-000000000000}"/>
  <bookViews>
    <workbookView xWindow="-28920" yWindow="-120" windowWidth="29040" windowHeight="15720" tabRatio="858" activeTab="1" xr2:uid="{00000000-000D-0000-FFFF-FFFF00000000}"/>
  </bookViews>
  <sheets>
    <sheet name="2022 Rookie Free-Agent Draft" sheetId="1" r:id="rId1"/>
    <sheet name="2022 Supplemental Draft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39" i="1" l="1"/>
  <c r="I39" i="1"/>
  <c r="A39" i="1"/>
  <c r="M7" i="1" l="1"/>
  <c r="E7" i="1" l="1"/>
  <c r="M39" i="1"/>
  <c r="E39" i="1"/>
  <c r="Q7" i="1"/>
  <c r="I7" i="1"/>
</calcChain>
</file>

<file path=xl/sharedStrings.xml><?xml version="1.0" encoding="utf-8"?>
<sst xmlns="http://schemas.openxmlformats.org/spreadsheetml/2006/main" count="1263" uniqueCount="448">
  <si>
    <t xml:space="preserve">  Round 1</t>
  </si>
  <si>
    <t xml:space="preserve">  Round 2</t>
  </si>
  <si>
    <t xml:space="preserve">  Round 3</t>
  </si>
  <si>
    <t xml:space="preserve">  Round 7</t>
  </si>
  <si>
    <t>ATL</t>
  </si>
  <si>
    <t>GB</t>
  </si>
  <si>
    <t>SEA</t>
  </si>
  <si>
    <t>TEN</t>
  </si>
  <si>
    <t>PHI</t>
  </si>
  <si>
    <t>DAL</t>
  </si>
  <si>
    <t>NYG</t>
  </si>
  <si>
    <t>PIT</t>
  </si>
  <si>
    <t>Pick</t>
  </si>
  <si>
    <t>Owner</t>
  </si>
  <si>
    <t>TB</t>
  </si>
  <si>
    <t>BUF</t>
  </si>
  <si>
    <t xml:space="preserve">  Round 6</t>
  </si>
  <si>
    <t>DEN</t>
  </si>
  <si>
    <t>CIN</t>
  </si>
  <si>
    <t>DET</t>
  </si>
  <si>
    <t>KC</t>
  </si>
  <si>
    <t>IND</t>
  </si>
  <si>
    <t>BAL</t>
  </si>
  <si>
    <t>NE</t>
  </si>
  <si>
    <t>JAX</t>
  </si>
  <si>
    <t>LAR</t>
  </si>
  <si>
    <t>LAC</t>
  </si>
  <si>
    <t>Round 4</t>
  </si>
  <si>
    <t>Round 5</t>
  </si>
  <si>
    <t>Round 8</t>
  </si>
  <si>
    <t>Round 9</t>
  </si>
  <si>
    <t>Round 10</t>
  </si>
  <si>
    <t xml:space="preserve">  Round 4</t>
  </si>
  <si>
    <t>Drop</t>
  </si>
  <si>
    <t>HOU</t>
  </si>
  <si>
    <t>Team</t>
  </si>
  <si>
    <t>Record</t>
  </si>
  <si>
    <t>CLE</t>
  </si>
  <si>
    <t>Generic Even Round:</t>
  </si>
  <si>
    <t>NYJ</t>
  </si>
  <si>
    <t>NO</t>
  </si>
  <si>
    <t>AZ</t>
  </si>
  <si>
    <t>SF</t>
  </si>
  <si>
    <t>2022 SEASON S28 ROOKIE/FREE-AGENT DRAFT</t>
  </si>
  <si>
    <t>WAS</t>
  </si>
  <si>
    <t>LV</t>
  </si>
  <si>
    <t>1. 3:00pm ET -</t>
  </si>
  <si>
    <t>2. 3:10pm ET -</t>
  </si>
  <si>
    <t>3. 3:20pm ET -</t>
  </si>
  <si>
    <t>4. 3:30pm ET -</t>
  </si>
  <si>
    <t>5. 3:40pm ET -</t>
  </si>
  <si>
    <t>6. 3:50pm ET -</t>
  </si>
  <si>
    <t>7. 4:00pm ET -</t>
  </si>
  <si>
    <t>8. 4:10pm ET -</t>
  </si>
  <si>
    <t>9. 4:20pm ET -</t>
  </si>
  <si>
    <t>10.4:30pm ET -</t>
  </si>
  <si>
    <t>11.4:40pm ET -</t>
  </si>
  <si>
    <t>12.4:50pm ET -</t>
  </si>
  <si>
    <t>Purdy, Brock</t>
  </si>
  <si>
    <t>Gardner, Sauce</t>
  </si>
  <si>
    <t>Hutchinson, Aidan</t>
  </si>
  <si>
    <t>Wilson, Garrett</t>
  </si>
  <si>
    <t>Walker, Travon</t>
  </si>
  <si>
    <t>Hamilton, Kyle</t>
  </si>
  <si>
    <t>Woolen, Tariq</t>
  </si>
  <si>
    <t>McDuffie, Trent</t>
  </si>
  <si>
    <t>Allgeier, Tyler</t>
  </si>
  <si>
    <t>Horn, Jaycee</t>
  </si>
  <si>
    <t>Pickett, Kenny</t>
  </si>
  <si>
    <t>Thibodeaux, Kayvon</t>
  </si>
  <si>
    <t>Etienne, Travis</t>
  </si>
  <si>
    <t>Cross, Charles</t>
  </si>
  <si>
    <t>Hall, Breece</t>
  </si>
  <si>
    <t>Smith, Tyler</t>
  </si>
  <si>
    <t>Olave, Chris</t>
  </si>
  <si>
    <t>Pickens, George</t>
  </si>
  <si>
    <t>Stingley Jr., Derek</t>
  </si>
  <si>
    <t>Cook, James</t>
  </si>
  <si>
    <t>London, Drake</t>
  </si>
  <si>
    <t>Ekwonu, Ikem</t>
  </si>
  <si>
    <t>Okonkwo, Chigoziem</t>
  </si>
  <si>
    <t>Walker, Kenneth</t>
  </si>
  <si>
    <t>Linderbaum, Tyler</t>
  </si>
  <si>
    <t>Watson, Christian</t>
  </si>
  <si>
    <t>Pacheco, Isiah</t>
  </si>
  <si>
    <t>Johnson, Zion</t>
  </si>
  <si>
    <t>Pierce, Dameon</t>
  </si>
  <si>
    <t>Howell, Sam</t>
  </si>
  <si>
    <t>Emerson, Martin</t>
  </si>
  <si>
    <t>Neal, Evan</t>
  </si>
  <si>
    <t>Lloyd, Devin</t>
  </si>
  <si>
    <t>Karlaftis, George</t>
  </si>
  <si>
    <t>Walker, Quay</t>
  </si>
  <si>
    <t>Dotson, Jahan</t>
  </si>
  <si>
    <t>Hill, Daxton</t>
  </si>
  <si>
    <t>Likely, Isaiah</t>
  </si>
  <si>
    <t>Forrest, Darrick</t>
  </si>
  <si>
    <t>Lucas, Abraham</t>
  </si>
  <si>
    <t>Jones, Marcus</t>
  </si>
  <si>
    <t>Parham, Dylan</t>
  </si>
  <si>
    <t>Clark, Damone</t>
  </si>
  <si>
    <t>Dulcich, Greg</t>
  </si>
  <si>
    <t>Davis, Jordan</t>
  </si>
  <si>
    <t>Robinson Jr., Brian</t>
  </si>
  <si>
    <t>Zappe, Bailey</t>
  </si>
  <si>
    <t>Pitre, Jalen</t>
  </si>
  <si>
    <t>Burks, Treylon</t>
  </si>
  <si>
    <t>White, Rachaad</t>
  </si>
  <si>
    <t>Ferguson, Jake</t>
  </si>
  <si>
    <t>Raimann, Bernhard</t>
  </si>
  <si>
    <t>Green, Kenyon</t>
  </si>
  <si>
    <t>Johnson, Jermaine</t>
  </si>
  <si>
    <t>Brisker, Jaquan</t>
  </si>
  <si>
    <t>McCreary, Roger</t>
  </si>
  <si>
    <t>Wyatt, Devonte</t>
  </si>
  <si>
    <t>Ridder, Desmond</t>
  </si>
  <si>
    <t>Jurgens, Cam</t>
  </si>
  <si>
    <t>Jones, Braxton</t>
  </si>
  <si>
    <t>Taylor-Britt, Cam</t>
  </si>
  <si>
    <t>Strange, Cole</t>
  </si>
  <si>
    <t>Pierce, Alec</t>
  </si>
  <si>
    <t>Jones, Travis</t>
  </si>
  <si>
    <t>Woods, Jelani</t>
  </si>
  <si>
    <t>Shaheed, Rashid</t>
  </si>
  <si>
    <t>Doubs, Romeo</t>
  </si>
  <si>
    <t>Andersen, Troy</t>
  </si>
  <si>
    <t>Warren, Jaylen</t>
  </si>
  <si>
    <t>Salyer, Jamaree</t>
  </si>
  <si>
    <t>Jones, Jack</t>
  </si>
  <si>
    <t>Chenal, Leo</t>
  </si>
  <si>
    <t>Houston, James</t>
  </si>
  <si>
    <t>Ingram, Ed</t>
  </si>
  <si>
    <t>Tavai, Jahlani</t>
  </si>
  <si>
    <t>Mafe, Boye</t>
  </si>
  <si>
    <t>Elam, Kaiir</t>
  </si>
  <si>
    <t>Penning, Trevor</t>
  </si>
  <si>
    <t>Moore, Skyy</t>
  </si>
  <si>
    <t>Mathis, Damarri</t>
  </si>
  <si>
    <t>Tom, Zach</t>
  </si>
  <si>
    <t>Fortner, Luke</t>
  </si>
  <si>
    <t>Joseph, Kerby</t>
  </si>
  <si>
    <t>Taylor, Alontae</t>
  </si>
  <si>
    <t>Otton, Cade</t>
  </si>
  <si>
    <t>13.5:00pm ET -</t>
  </si>
  <si>
    <t>14.5:10pm ET -</t>
  </si>
  <si>
    <t>15.5:20pm ET -</t>
  </si>
  <si>
    <t>16.5:30pm ET -</t>
  </si>
  <si>
    <t>17.5:40pm ET  -</t>
  </si>
  <si>
    <t>18.5:50pm ET -</t>
  </si>
  <si>
    <t>19.6:00pm ET -</t>
  </si>
  <si>
    <t>20.6:10pm ET -</t>
  </si>
  <si>
    <t>21. 6:20pm ET -</t>
  </si>
  <si>
    <t>22. 6:30pm ET -</t>
  </si>
  <si>
    <t>23. 6:40pm ET -</t>
  </si>
  <si>
    <t>24. 6:50pm ET -</t>
  </si>
  <si>
    <t>25. 7:00pm ET -</t>
  </si>
  <si>
    <t>26. 7:10pm ET -</t>
  </si>
  <si>
    <t>27. 7:20pm ET -</t>
  </si>
  <si>
    <t xml:space="preserve">28. 7:30pm ET - </t>
  </si>
  <si>
    <t>1. 7:40pm ET -</t>
  </si>
  <si>
    <t>2. 7:50pm ET -</t>
  </si>
  <si>
    <t>3. 8:00pm ET -</t>
  </si>
  <si>
    <t>4. 8:10pm ET -</t>
  </si>
  <si>
    <t>5. 8:20pm ET -</t>
  </si>
  <si>
    <t>6. 8:30pm ET -</t>
  </si>
  <si>
    <t>7. 8:40pm ET -</t>
  </si>
  <si>
    <t>8. 8:50pm ET -</t>
  </si>
  <si>
    <t>9. 9:00pm ET -</t>
  </si>
  <si>
    <t>10.9:10pm ET -</t>
  </si>
  <si>
    <t>11.9:20pm ET -</t>
  </si>
  <si>
    <t>12.9:30pm ET -</t>
  </si>
  <si>
    <t>13.9:40pm ET -</t>
  </si>
  <si>
    <t>14.9:50pm ET -</t>
  </si>
  <si>
    <t>15.10:00pm ET -</t>
  </si>
  <si>
    <t>16.10:10pm ET -</t>
  </si>
  <si>
    <t>17.10:20pm ET  -</t>
  </si>
  <si>
    <t>18.10:30pm ET -</t>
  </si>
  <si>
    <t>19.10:40pm ET -</t>
  </si>
  <si>
    <t>20.10:50pm ET -</t>
  </si>
  <si>
    <t>21. 11:00pm ET -</t>
  </si>
  <si>
    <t>22. 11:10pm ET -</t>
  </si>
  <si>
    <t>23. 11:20pm ET -</t>
  </si>
  <si>
    <t>24. 11:30pm ET -</t>
  </si>
  <si>
    <t>25. 11:40pm ET -</t>
  </si>
  <si>
    <t>26. 11:50pm ET -</t>
  </si>
  <si>
    <t>27. 12:00am ET -</t>
  </si>
  <si>
    <t xml:space="preserve">28. 12:10am ET - </t>
  </si>
  <si>
    <t>Cominsky, John</t>
  </si>
  <si>
    <t>Jackson, Drake</t>
  </si>
  <si>
    <t>Gordon, Kyler</t>
  </si>
  <si>
    <t>Harris, Christian</t>
  </si>
  <si>
    <t>Flowers, Dallis</t>
  </si>
  <si>
    <t>Turpin, KaVontae</t>
  </si>
  <si>
    <t>Asamoah, Brian</t>
  </si>
  <si>
    <t>Goedeke, Luke</t>
  </si>
  <si>
    <t>Cook, Bryan</t>
  </si>
  <si>
    <t>Nixon, Keisean</t>
  </si>
  <si>
    <t>Ojabo, David</t>
  </si>
  <si>
    <t>Ford, Jerome</t>
  </si>
  <si>
    <t>McBride, Trey</t>
  </si>
  <si>
    <t>Blankenship, Reed</t>
  </si>
  <si>
    <t>Paschal, Josh</t>
  </si>
  <si>
    <t>Booth Jr., Andrew</t>
  </si>
  <si>
    <t>Mason, Jordan</t>
  </si>
  <si>
    <t>Burford, Spencer</t>
  </si>
  <si>
    <t>Petit-Frere, Nicholas</t>
  </si>
  <si>
    <t>Bellinger, Daniel</t>
  </si>
  <si>
    <t>Evans, Akayleb</t>
  </si>
  <si>
    <t>Stonehouse, Ryan</t>
  </si>
  <si>
    <t>McFadden, Micah</t>
  </si>
  <si>
    <t>Enagbare, Kingsley</t>
  </si>
  <si>
    <t>Williams, Joshua</t>
  </si>
  <si>
    <t>Watson, Jaylen</t>
  </si>
  <si>
    <t>St. Juste, Benjamin</t>
  </si>
  <si>
    <t>Volson, Cordell</t>
  </si>
  <si>
    <t>Bernard, Terrel</t>
  </si>
  <si>
    <t>Sanborn, Jack</t>
  </si>
  <si>
    <t>Williams, Sam</t>
  </si>
  <si>
    <t>Ossai, Joseph</t>
  </si>
  <si>
    <t>Gray, Noah</t>
  </si>
  <si>
    <t>Kohou, Kader</t>
  </si>
  <si>
    <t>Carter, Zachary</t>
  </si>
  <si>
    <t>Willis, Malik</t>
  </si>
  <si>
    <t>Bland, DaRon</t>
  </si>
  <si>
    <t>Bonitto, Nik</t>
  </si>
  <si>
    <t>Durant, Cobie</t>
  </si>
  <si>
    <t>White, Zamir</t>
  </si>
  <si>
    <t>Rodriguez, Malcolm</t>
  </si>
  <si>
    <t>Malone, DeAngelo</t>
  </si>
  <si>
    <t>Dicker, Cameron</t>
  </si>
  <si>
    <t>Fortson, Jody</t>
  </si>
  <si>
    <t>Muma, Chad</t>
  </si>
  <si>
    <t>Hall, Logan</t>
  </si>
  <si>
    <t>Ebiketie, Arnold</t>
  </si>
  <si>
    <t>Ezeudu, Joshua</t>
  </si>
  <si>
    <t>Clemons, Micheal</t>
  </si>
  <si>
    <t>McKitty, Tre'</t>
  </si>
  <si>
    <t>Heyward, Connor</t>
  </si>
  <si>
    <t>Huntley, Caleb</t>
  </si>
  <si>
    <t>Dortch, Greg</t>
  </si>
  <si>
    <t>Myarick, Chris</t>
  </si>
  <si>
    <t>Kendrick, Derion</t>
  </si>
  <si>
    <t>Knight, Zonovan</t>
  </si>
  <si>
    <t>Hodgins, Isaiah</t>
  </si>
  <si>
    <t>Dobbs, Joshua</t>
  </si>
  <si>
    <t>Ford, Rudy</t>
  </si>
  <si>
    <t>Metellus, Josh</t>
  </si>
  <si>
    <t>Evans, Justin</t>
  </si>
  <si>
    <t>Jackson, Deon</t>
  </si>
  <si>
    <t>Adams, Tony</t>
  </si>
  <si>
    <t>Shelley, Duke</t>
  </si>
  <si>
    <t>Gibbens, Jack</t>
  </si>
  <si>
    <t>Leverett, Nick</t>
  </si>
  <si>
    <t>Senat, Deadrin</t>
  </si>
  <si>
    <t>Masterson, Luke</t>
  </si>
  <si>
    <t>Thornton, Tyquan</t>
  </si>
  <si>
    <t>Robinson, Wan'Dale</t>
  </si>
  <si>
    <t>Blackshear, Raheem</t>
  </si>
  <si>
    <t>Froholdt, Hjalte</t>
  </si>
  <si>
    <t>Thompkins, Deven</t>
  </si>
  <si>
    <t>Kalu, Joshua</t>
  </si>
  <si>
    <t>Jackson, Michael</t>
  </si>
  <si>
    <t>Watson, Justin</t>
  </si>
  <si>
    <t>Kieft, Ko</t>
  </si>
  <si>
    <t>Thomas, Rodney</t>
  </si>
  <si>
    <t>Shakir, Khalil</t>
  </si>
  <si>
    <t>Ricci, Giovanni</t>
  </si>
  <si>
    <t>Wright, Alex</t>
  </si>
  <si>
    <t>Alford, Dee</t>
  </si>
  <si>
    <t>Washington, Montrell</t>
  </si>
  <si>
    <t>Quessenberry, Scott</t>
  </si>
  <si>
    <t>Van Roten, Greg</t>
  </si>
  <si>
    <t>Haskins, Hassan</t>
  </si>
  <si>
    <t>James, Richie</t>
  </si>
  <si>
    <t>Jones Jr., Velus</t>
  </si>
  <si>
    <t>Williams, Kyren</t>
  </si>
  <si>
    <t>Mays, Cade</t>
  </si>
  <si>
    <t>Toure, Samori</t>
  </si>
  <si>
    <t>Milne, Dax</t>
  </si>
  <si>
    <t>Harvin, Pressley</t>
  </si>
  <si>
    <t>Covey, Britain</t>
  </si>
  <si>
    <t>Sherfield, Trent</t>
  </si>
  <si>
    <t>Faalele, Daniel</t>
  </si>
  <si>
    <t>Chestnut, Julius</t>
  </si>
  <si>
    <t>Hamlin, Damar</t>
  </si>
  <si>
    <t>Brightwell, Gary</t>
  </si>
  <si>
    <t>Davis, Malik</t>
  </si>
  <si>
    <t>Robinson, Mark</t>
  </si>
  <si>
    <t>Ebner, Trestan</t>
  </si>
  <si>
    <t>Alexander, Maurice</t>
  </si>
  <si>
    <t>Delaney, Dee</t>
  </si>
  <si>
    <t>Cross, Nick</t>
  </si>
  <si>
    <t>Hicks, Elijah</t>
  </si>
  <si>
    <t>Nailor, Jalen</t>
  </si>
  <si>
    <t>Calcaterra, Grant</t>
  </si>
  <si>
    <t>Ingram, Keaontay</t>
  </si>
  <si>
    <t>Taylor, Ja'Sir</t>
  </si>
  <si>
    <t>Ledbetter, Jonathan</t>
  </si>
  <si>
    <t>McDuffie, Isaiah</t>
  </si>
  <si>
    <t>Camarda, Jake</t>
  </si>
  <si>
    <t>Woods, JT</t>
  </si>
  <si>
    <t>Mitchell, James</t>
  </si>
  <si>
    <t>Anderson, Abdullah</t>
  </si>
  <si>
    <t>Leal, DeMarvin</t>
  </si>
  <si>
    <t>McCloud, Nick</t>
  </si>
  <si>
    <t>Mitchell, Max</t>
  </si>
  <si>
    <t>Ridgeway, John</t>
  </si>
  <si>
    <t>Joseph, Linval</t>
  </si>
  <si>
    <t>Farrell Jr., Neil</t>
  </si>
  <si>
    <t>Irwin, Trenton</t>
  </si>
  <si>
    <t>Thomas, Cameron</t>
  </si>
  <si>
    <t>Cole, Dylan</t>
  </si>
  <si>
    <t>McCollum, Zyon</t>
  </si>
  <si>
    <t>Ekuale, Daniel</t>
  </si>
  <si>
    <t>Stout, Jordan</t>
  </si>
  <si>
    <t>Weaver, Rashad</t>
  </si>
  <si>
    <t>Prentice, Adam</t>
  </si>
  <si>
    <t>Bryant, Coby</t>
  </si>
  <si>
    <t>Hendershot, Peyton</t>
  </si>
  <si>
    <t>Bell, David</t>
  </si>
  <si>
    <t>Paul, Chris</t>
  </si>
  <si>
    <t>Butler, Percy</t>
  </si>
  <si>
    <t>Yeast, Russ</t>
  </si>
  <si>
    <t>Cox, Jabril</t>
  </si>
  <si>
    <t>York, Cade</t>
  </si>
  <si>
    <t>Copeland, Brandon</t>
  </si>
  <si>
    <t>Womack, Samuel</t>
  </si>
  <si>
    <t>Mukuamu, Israel</t>
  </si>
  <si>
    <t>Zylstra, Shane</t>
  </si>
  <si>
    <t>Cager, Lawrence</t>
  </si>
  <si>
    <t>Hinish, Kurt</t>
  </si>
  <si>
    <t>Flott, Cor'Dale</t>
  </si>
  <si>
    <t>Ehlinger, Sam</t>
  </si>
  <si>
    <t>Harris, Jonathan</t>
  </si>
  <si>
    <t>Thompson, Skylar</t>
  </si>
  <si>
    <t>Benford, Christian</t>
  </si>
  <si>
    <t>Hall, Tyler</t>
  </si>
  <si>
    <t>Sanders, Myjai</t>
  </si>
  <si>
    <t>Carter, Ja'Tyre</t>
  </si>
  <si>
    <t>Hansen, Jake</t>
  </si>
  <si>
    <t>Jefferson, Tony</t>
  </si>
  <si>
    <t>Hinton, Christopher</t>
  </si>
  <si>
    <t>Bars, Alex</t>
  </si>
  <si>
    <t>Munford Jr., Thayer</t>
  </si>
  <si>
    <t>Carpenter, Tariq</t>
  </si>
  <si>
    <t>Walton, Brandon</t>
  </si>
  <si>
    <t>Robinson, Dominique</t>
  </si>
  <si>
    <t>Britt, K.J.</t>
  </si>
  <si>
    <t>Fields, Tony</t>
  </si>
  <si>
    <t>Belton, Dane</t>
  </si>
  <si>
    <t>Meredith, Jordan</t>
  </si>
  <si>
    <t>Gates, DeMarquis</t>
  </si>
  <si>
    <t>Uwazurike, Eyioma</t>
  </si>
  <si>
    <t>Allen, Brandon</t>
  </si>
  <si>
    <t>Woods, Michael</t>
  </si>
  <si>
    <t>Irvin, Bruce</t>
  </si>
  <si>
    <t>Harris, Kevin</t>
  </si>
  <si>
    <t>Forsythe, Stone</t>
  </si>
  <si>
    <t>Roberts, Sam</t>
  </si>
  <si>
    <t>Hall, Darren</t>
  </si>
  <si>
    <t>Landman, Nate</t>
  </si>
  <si>
    <t>Conner, Snoop</t>
  </si>
  <si>
    <t>Evans, Darrynton</t>
  </si>
  <si>
    <t>Sarell, Foster</t>
  </si>
  <si>
    <t>Farrell, Luke</t>
  </si>
  <si>
    <t>Henningsen, Matt</t>
  </si>
  <si>
    <t>Adams, Matthew</t>
  </si>
  <si>
    <t>Winfrey, Perrion</t>
  </si>
  <si>
    <t>Barno, Amare</t>
  </si>
  <si>
    <t>Holmes, Christian</t>
  </si>
  <si>
    <t>Johnson Jr., Lonnie</t>
  </si>
  <si>
    <t>Jones, Robert</t>
  </si>
  <si>
    <t>Wright, Ryan</t>
  </si>
  <si>
    <t>Horne, Timmy</t>
  </si>
  <si>
    <t>Booker, Thomas</t>
  </si>
  <si>
    <t>Edoga, Chuma</t>
  </si>
  <si>
    <t>Horsted, Jesper</t>
  </si>
  <si>
    <t>Avery, Tre</t>
  </si>
  <si>
    <t>Pass</t>
  </si>
  <si>
    <t>Davis, Carl</t>
  </si>
  <si>
    <t>Tufele, Jay</t>
  </si>
  <si>
    <t>Butler, Matthew</t>
  </si>
  <si>
    <t>N/A</t>
  </si>
  <si>
    <t>Williams, Darrel</t>
  </si>
  <si>
    <t>Hankins, Johnathan</t>
  </si>
  <si>
    <t>Done</t>
  </si>
  <si>
    <t>Burkhead, Rex</t>
  </si>
  <si>
    <t>Prater, Matt</t>
  </si>
  <si>
    <t>Badgley, Michael</t>
  </si>
  <si>
    <t>Perkins, Bryce</t>
  </si>
  <si>
    <t>Byrd, Damiere</t>
  </si>
  <si>
    <t>Bassey, Essang</t>
  </si>
  <si>
    <t>DONE</t>
  </si>
  <si>
    <t>Edmonds, Chase</t>
  </si>
  <si>
    <t>Fluker, D.J.</t>
  </si>
  <si>
    <t>Phillips, Jacob</t>
  </si>
  <si>
    <t>Andrews, Josh</t>
  </si>
  <si>
    <t>Cajuste, Yodny</t>
  </si>
  <si>
    <t>Muse, Tanner</t>
  </si>
  <si>
    <t>Kelly, Dennis</t>
  </si>
  <si>
    <t>Dorsett, Phillip</t>
  </si>
  <si>
    <t>Cotton, Lester</t>
  </si>
  <si>
    <t>Aboushi, Oday</t>
  </si>
  <si>
    <t>Williams, Nick</t>
  </si>
  <si>
    <t>Johnson, Eric</t>
  </si>
  <si>
    <t>Swain, Freddie</t>
  </si>
  <si>
    <t>Brown, Montaric</t>
  </si>
  <si>
    <t>Hamilton, La'Darius</t>
  </si>
  <si>
    <t>N A</t>
  </si>
  <si>
    <t>Jones, Benito</t>
  </si>
  <si>
    <t>Quinn, Robert</t>
  </si>
  <si>
    <t>Coutee, Keke</t>
  </si>
  <si>
    <t>Jordan, Michael</t>
  </si>
  <si>
    <t>Waitman, Corliss</t>
  </si>
  <si>
    <t>Ball, Josh</t>
  </si>
  <si>
    <t>Nasirildeen, Hamsah</t>
  </si>
  <si>
    <t>Blackwell, Josh</t>
  </si>
  <si>
    <t>Burgess, Terrell</t>
  </si>
  <si>
    <t>Herndon, Tre</t>
  </si>
  <si>
    <t>Chandler, Sean</t>
  </si>
  <si>
    <t>Winovich, Chase</t>
  </si>
  <si>
    <t>Cochrane, Jack</t>
  </si>
  <si>
    <t>Ogbonnia, Otito</t>
  </si>
  <si>
    <t>Rogers, Armani</t>
  </si>
  <si>
    <t>Bada, David</t>
  </si>
  <si>
    <t>Firkser, Anthony</t>
  </si>
  <si>
    <t>Matthew, Christian</t>
  </si>
  <si>
    <t>Anderson, Ryder</t>
  </si>
  <si>
    <t>Wildgoose, Rachad</t>
  </si>
  <si>
    <t>Opeta, Iosua</t>
  </si>
  <si>
    <t>Hassenauer, J.C.</t>
  </si>
  <si>
    <t>Johnson, Kyron</t>
  </si>
  <si>
    <t>Bostic, Jonathan</t>
  </si>
  <si>
    <t>Wilson, Damien</t>
  </si>
  <si>
    <t xml:space="preserve">  Round 6 and Beyond</t>
  </si>
  <si>
    <t>Murchison, Larrell</t>
  </si>
  <si>
    <t>Spriggs, Jason</t>
  </si>
  <si>
    <t>McGill, T.Y.</t>
  </si>
  <si>
    <t>Waynes, Trae</t>
  </si>
  <si>
    <t>Throckmorton, Calvin</t>
  </si>
  <si>
    <t>Leatherwood, Alex</t>
  </si>
  <si>
    <t>Griffith, Jonas</t>
  </si>
  <si>
    <t>Blacklock, Ross</t>
  </si>
  <si>
    <t>None</t>
  </si>
  <si>
    <t>Phillips, Tyre</t>
  </si>
  <si>
    <t>Eiselen, Dieter</t>
  </si>
  <si>
    <t>Harris, Anthony</t>
  </si>
  <si>
    <t>Bootle, Dicapri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F800]dddd\,\ mmmm\ dd\,\ yyyy"/>
    <numFmt numFmtId="165" formatCode="[$-409]mmmm\ d\,\ yyyy;@"/>
  </numFmts>
  <fonts count="24" x14ac:knownFonts="1">
    <font>
      <sz val="10"/>
      <name val="Arial"/>
    </font>
    <font>
      <sz val="10"/>
      <name val="Arial"/>
      <family val="2"/>
    </font>
    <font>
      <b/>
      <u/>
      <sz val="16"/>
      <name val="Arial"/>
      <family val="2"/>
    </font>
    <font>
      <sz val="10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name val="Arial"/>
      <family val="2"/>
    </font>
    <font>
      <b/>
      <sz val="10"/>
      <name val="Arial"/>
      <family val="2"/>
    </font>
    <font>
      <sz val="10"/>
      <name val="Verdana"/>
      <family val="2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</fills>
  <borders count="10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</borders>
  <cellStyleXfs count="55">
    <xf numFmtId="0" fontId="0" fillId="0" borderId="0"/>
    <xf numFmtId="0" fontId="4" fillId="2" borderId="0" applyNumberFormat="0" applyBorder="0" applyAlignment="0" applyProtection="0"/>
    <xf numFmtId="0" fontId="4" fillId="3" borderId="0" applyNumberFormat="0" applyBorder="0" applyAlignment="0" applyProtection="0"/>
    <xf numFmtId="0" fontId="4" fillId="4" borderId="0" applyNumberFormat="0" applyBorder="0" applyAlignment="0" applyProtection="0"/>
    <xf numFmtId="0" fontId="4" fillId="5" borderId="0" applyNumberFormat="0" applyBorder="0" applyAlignment="0" applyProtection="0"/>
    <xf numFmtId="0" fontId="4" fillId="6" borderId="0" applyNumberFormat="0" applyBorder="0" applyAlignment="0" applyProtection="0"/>
    <xf numFmtId="0" fontId="4" fillId="7" borderId="0" applyNumberFormat="0" applyBorder="0" applyAlignment="0" applyProtection="0"/>
    <xf numFmtId="0" fontId="4" fillId="8" borderId="0" applyNumberFormat="0" applyBorder="0" applyAlignment="0" applyProtection="0"/>
    <xf numFmtId="0" fontId="4" fillId="9" borderId="0" applyNumberFormat="0" applyBorder="0" applyAlignment="0" applyProtection="0"/>
    <xf numFmtId="0" fontId="4" fillId="10" borderId="0" applyNumberFormat="0" applyBorder="0" applyAlignment="0" applyProtection="0"/>
    <xf numFmtId="0" fontId="4" fillId="5" borderId="0" applyNumberFormat="0" applyBorder="0" applyAlignment="0" applyProtection="0"/>
    <xf numFmtId="0" fontId="4" fillId="8" borderId="0" applyNumberFormat="0" applyBorder="0" applyAlignment="0" applyProtection="0"/>
    <xf numFmtId="0" fontId="4" fillId="11" borderId="0" applyNumberFormat="0" applyBorder="0" applyAlignment="0" applyProtection="0"/>
    <xf numFmtId="0" fontId="5" fillId="12" borderId="0" applyNumberFormat="0" applyBorder="0" applyAlignment="0" applyProtection="0"/>
    <xf numFmtId="0" fontId="5" fillId="9" borderId="0" applyNumberFormat="0" applyBorder="0" applyAlignment="0" applyProtection="0"/>
    <xf numFmtId="0" fontId="5" fillId="10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5" borderId="0" applyNumberFormat="0" applyBorder="0" applyAlignment="0" applyProtection="0"/>
    <xf numFmtId="0" fontId="5" fillId="16" borderId="0" applyNumberFormat="0" applyBorder="0" applyAlignment="0" applyProtection="0"/>
    <xf numFmtId="0" fontId="5" fillId="17" borderId="0" applyNumberFormat="0" applyBorder="0" applyAlignment="0" applyProtection="0"/>
    <xf numFmtId="0" fontId="5" fillId="18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9" borderId="0" applyNumberFormat="0" applyBorder="0" applyAlignment="0" applyProtection="0"/>
    <xf numFmtId="0" fontId="6" fillId="3" borderId="0" applyNumberFormat="0" applyBorder="0" applyAlignment="0" applyProtection="0"/>
    <xf numFmtId="0" fontId="7" fillId="20" borderId="1" applyNumberFormat="0" applyAlignment="0" applyProtection="0"/>
    <xf numFmtId="0" fontId="8" fillId="21" borderId="2" applyNumberFormat="0" applyAlignment="0" applyProtection="0"/>
    <xf numFmtId="0" fontId="9" fillId="0" borderId="0" applyNumberFormat="0" applyFill="0" applyBorder="0" applyAlignment="0" applyProtection="0"/>
    <xf numFmtId="0" fontId="10" fillId="4" borderId="0" applyNumberFormat="0" applyBorder="0" applyAlignment="0" applyProtection="0"/>
    <xf numFmtId="0" fontId="11" fillId="0" borderId="3" applyNumberFormat="0" applyFill="0" applyAlignment="0" applyProtection="0"/>
    <xf numFmtId="0" fontId="12" fillId="0" borderId="4" applyNumberFormat="0" applyFill="0" applyAlignment="0" applyProtection="0"/>
    <xf numFmtId="0" fontId="13" fillId="0" borderId="5" applyNumberFormat="0" applyFill="0" applyAlignment="0" applyProtection="0"/>
    <xf numFmtId="0" fontId="13" fillId="0" borderId="0" applyNumberFormat="0" applyFill="0" applyBorder="0" applyAlignment="0" applyProtection="0"/>
    <xf numFmtId="0" fontId="14" fillId="7" borderId="1" applyNumberFormat="0" applyAlignment="0" applyProtection="0"/>
    <xf numFmtId="0" fontId="15" fillId="0" borderId="6" applyNumberFormat="0" applyFill="0" applyAlignment="0" applyProtection="0"/>
    <xf numFmtId="0" fontId="16" fillId="22" borderId="0" applyNumberFormat="0" applyBorder="0" applyAlignment="0" applyProtection="0"/>
    <xf numFmtId="0" fontId="3" fillId="0" borderId="0"/>
    <xf numFmtId="0" fontId="3" fillId="0" borderId="0"/>
    <xf numFmtId="0" fontId="21" fillId="0" borderId="0"/>
    <xf numFmtId="0" fontId="3" fillId="0" borderId="0"/>
    <xf numFmtId="0" fontId="1" fillId="23" borderId="7" applyNumberFormat="0" applyFont="0" applyAlignment="0" applyProtection="0"/>
    <xf numFmtId="0" fontId="3" fillId="23" borderId="7" applyNumberFormat="0" applyFont="0" applyAlignment="0" applyProtection="0"/>
    <xf numFmtId="0" fontId="17" fillId="20" borderId="8" applyNumberFormat="0" applyAlignment="0" applyProtection="0"/>
    <xf numFmtId="0" fontId="18" fillId="0" borderId="0" applyNumberFormat="0" applyFill="0" applyBorder="0" applyAlignment="0" applyProtection="0"/>
    <xf numFmtId="0" fontId="19" fillId="0" borderId="9" applyNumberFormat="0" applyFill="0" applyAlignment="0" applyProtection="0"/>
    <xf numFmtId="0" fontId="20" fillId="0" borderId="0" applyNumberForma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23" borderId="7" applyNumberFormat="0" applyFont="0" applyAlignment="0" applyProtection="0"/>
    <xf numFmtId="0" fontId="1" fillId="0" borderId="0"/>
    <xf numFmtId="0" fontId="23" fillId="0" borderId="0"/>
  </cellStyleXfs>
  <cellXfs count="28">
    <xf numFmtId="0" fontId="0" fillId="0" borderId="0" xfId="0"/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0" fontId="3" fillId="0" borderId="0" xfId="0" applyFont="1"/>
    <xf numFmtId="0" fontId="0" fillId="0" borderId="0" xfId="0" applyAlignment="1">
      <alignment horizontal="left"/>
    </xf>
    <xf numFmtId="0" fontId="3" fillId="0" borderId="0" xfId="0" applyFont="1" applyAlignment="1">
      <alignment horizontal="left"/>
    </xf>
    <xf numFmtId="0" fontId="3" fillId="0" borderId="0" xfId="37"/>
    <xf numFmtId="49" fontId="3" fillId="0" borderId="0" xfId="0" applyNumberFormat="1" applyFont="1" applyAlignment="1">
      <alignment horizontal="center"/>
    </xf>
    <xf numFmtId="0" fontId="3" fillId="0" borderId="0" xfId="37" applyAlignment="1">
      <alignment horizontal="left"/>
    </xf>
    <xf numFmtId="0" fontId="3" fillId="0" borderId="0" xfId="38"/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165" fontId="0" fillId="0" borderId="0" xfId="0" applyNumberFormat="1" applyAlignment="1">
      <alignment horizontal="center"/>
    </xf>
    <xf numFmtId="165" fontId="3" fillId="0" borderId="0" xfId="0" applyNumberFormat="1" applyFont="1"/>
    <xf numFmtId="164" fontId="3" fillId="0" borderId="0" xfId="0" applyNumberFormat="1" applyFont="1"/>
    <xf numFmtId="49" fontId="0" fillId="0" borderId="0" xfId="0" applyNumberFormat="1"/>
    <xf numFmtId="49" fontId="0" fillId="0" borderId="0" xfId="0" applyNumberFormat="1" applyAlignment="1">
      <alignment vertical="center"/>
    </xf>
    <xf numFmtId="49" fontId="3" fillId="0" borderId="0" xfId="0" applyNumberFormat="1" applyFont="1"/>
    <xf numFmtId="49" fontId="22" fillId="0" borderId="0" xfId="0" applyNumberFormat="1" applyFont="1"/>
    <xf numFmtId="0" fontId="1" fillId="0" borderId="0" xfId="0" applyFont="1"/>
    <xf numFmtId="49" fontId="1" fillId="0" borderId="0" xfId="0" applyNumberFormat="1" applyFont="1"/>
    <xf numFmtId="0" fontId="1" fillId="0" borderId="0" xfId="53" applyAlignment="1">
      <alignment horizontal="left"/>
    </xf>
    <xf numFmtId="0" fontId="1" fillId="0" borderId="0" xfId="53"/>
    <xf numFmtId="0" fontId="1" fillId="0" borderId="0" xfId="54" applyFont="1"/>
    <xf numFmtId="0" fontId="22" fillId="0" borderId="0" xfId="37" applyFont="1"/>
    <xf numFmtId="0" fontId="1" fillId="0" borderId="0" xfId="37" applyFont="1"/>
    <xf numFmtId="0" fontId="1" fillId="0" borderId="0" xfId="38" applyFont="1"/>
    <xf numFmtId="0" fontId="1" fillId="0" borderId="0" xfId="0" applyFont="1" applyAlignment="1">
      <alignment vertical="center"/>
    </xf>
  </cellXfs>
  <cellStyles count="55">
    <cellStyle name="20% - Accent1" xfId="1" builtinId="30" customBuiltin="1"/>
    <cellStyle name="20% - Accent2" xfId="2" builtinId="34" customBuiltin="1"/>
    <cellStyle name="20% - Accent3" xfId="3" builtinId="38" customBuiltin="1"/>
    <cellStyle name="20% - Accent4" xfId="4" builtinId="42" customBuiltin="1"/>
    <cellStyle name="20% - Accent5" xfId="5" builtinId="46" customBuiltin="1"/>
    <cellStyle name="20% - Accent6" xfId="6" builtinId="50" customBuiltin="1"/>
    <cellStyle name="40% - Accent1" xfId="7" builtinId="31" customBuiltin="1"/>
    <cellStyle name="40% - Accent2" xfId="8" builtinId="35" customBuiltin="1"/>
    <cellStyle name="40% - Accent3" xfId="9" builtinId="39" customBuiltin="1"/>
    <cellStyle name="40% - Accent4" xfId="10" builtinId="43" customBuiltin="1"/>
    <cellStyle name="40% - Accent5" xfId="11" builtinId="47" customBuiltin="1"/>
    <cellStyle name="40% - Accent6" xfId="12" builtinId="51" customBuiltin="1"/>
    <cellStyle name="60% - Accent1" xfId="13" builtinId="32" customBuiltin="1"/>
    <cellStyle name="60% - Accent2" xfId="14" builtinId="36" customBuiltin="1"/>
    <cellStyle name="60% - Accent3" xfId="15" builtinId="40" customBuiltin="1"/>
    <cellStyle name="60% - Accent4" xfId="16" builtinId="44" customBuiltin="1"/>
    <cellStyle name="60% - Accent5" xfId="17" builtinId="48" customBuiltin="1"/>
    <cellStyle name="60% - Accent6" xfId="18" builtinId="52" customBuiltin="1"/>
    <cellStyle name="Accent1" xfId="19" builtinId="29" customBuiltin="1"/>
    <cellStyle name="Accent2" xfId="20" builtinId="33" customBuiltin="1"/>
    <cellStyle name="Accent3" xfId="21" builtinId="37" customBuiltin="1"/>
    <cellStyle name="Accent4" xfId="22" builtinId="41" customBuiltin="1"/>
    <cellStyle name="Accent5" xfId="23" builtinId="45" customBuiltin="1"/>
    <cellStyle name="Accent6" xfId="24" builtinId="49" customBuiltin="1"/>
    <cellStyle name="Bad" xfId="25" builtinId="27" customBuiltin="1"/>
    <cellStyle name="Calculation" xfId="26" builtinId="22" customBuiltin="1"/>
    <cellStyle name="Check Cell" xfId="27" builtinId="23" customBuiltin="1"/>
    <cellStyle name="Explanatory Text" xfId="28" builtinId="53" customBuiltin="1"/>
    <cellStyle name="Good" xfId="29" builtinId="26" customBuiltin="1"/>
    <cellStyle name="Heading 1" xfId="30" builtinId="16" customBuiltin="1"/>
    <cellStyle name="Heading 2" xfId="31" builtinId="17" customBuiltin="1"/>
    <cellStyle name="Heading 3" xfId="32" builtinId="18" customBuiltin="1"/>
    <cellStyle name="Heading 4" xfId="33" builtinId="19" customBuiltin="1"/>
    <cellStyle name="Input" xfId="34" builtinId="20" customBuiltin="1"/>
    <cellStyle name="Linked Cell" xfId="35" builtinId="24" customBuiltin="1"/>
    <cellStyle name="Neutral" xfId="36" builtinId="28" customBuiltin="1"/>
    <cellStyle name="Normal" xfId="0" builtinId="0"/>
    <cellStyle name="Normal 2" xfId="37" xr:uid="{00000000-0005-0000-0000-000025000000}"/>
    <cellStyle name="Normal 2 2" xfId="38" xr:uid="{00000000-0005-0000-0000-000026000000}"/>
    <cellStyle name="Normal 2 2 2" xfId="53" xr:uid="{FACD177E-48C0-4E5F-8C83-4FB9C082C31F}"/>
    <cellStyle name="Normal 2 2 3" xfId="49" xr:uid="{4B813709-6383-44F4-95CD-6A3578267AD9}"/>
    <cellStyle name="Normal 2 3" xfId="48" xr:uid="{90BA0DBA-30AD-4BE7-8EFD-0C36591B0BFE}"/>
    <cellStyle name="Normal 3" xfId="39" xr:uid="{00000000-0005-0000-0000-000027000000}"/>
    <cellStyle name="Normal 3 2" xfId="40" xr:uid="{00000000-0005-0000-0000-000028000000}"/>
    <cellStyle name="Normal 3 2 2" xfId="51" xr:uid="{5DD03719-1F76-44FC-B2C1-50DBBC60E051}"/>
    <cellStyle name="Normal 3 3" xfId="50" xr:uid="{B512B218-4BBC-4D45-B596-8206622AA158}"/>
    <cellStyle name="Normal 4" xfId="47" xr:uid="{7ED9864D-516B-4C82-9A2B-B6AD9029E53B}"/>
    <cellStyle name="Normal 5" xfId="54" xr:uid="{77AD5E28-760A-4375-873A-9CB313EFC79E}"/>
    <cellStyle name="Note" xfId="41" builtinId="10" customBuiltin="1"/>
    <cellStyle name="Note 2" xfId="42" xr:uid="{00000000-0005-0000-0000-00002A000000}"/>
    <cellStyle name="Note 2 2" xfId="52" xr:uid="{82ECBB71-293C-4515-8658-9869C934D532}"/>
    <cellStyle name="Output" xfId="43" builtinId="21" customBuiltin="1"/>
    <cellStyle name="Title" xfId="44" builtinId="15" customBuiltin="1"/>
    <cellStyle name="Total" xfId="45" builtinId="25" customBuiltin="1"/>
    <cellStyle name="Warning Text" xfId="46" builtinId="11" customBuiltin="1"/>
  </cellStyles>
  <dxfs count="600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T179"/>
  <sheetViews>
    <sheetView topLeftCell="B28" zoomScaleNormal="100" workbookViewId="0">
      <selection activeCell="T67" sqref="T67"/>
    </sheetView>
  </sheetViews>
  <sheetFormatPr defaultRowHeight="12.75" x14ac:dyDescent="0.2"/>
  <cols>
    <col min="1" max="1" width="18" style="1" customWidth="1"/>
    <col min="2" max="3" width="5.7109375" customWidth="1"/>
    <col min="4" max="4" width="24" customWidth="1"/>
    <col min="5" max="5" width="16.5703125" customWidth="1"/>
    <col min="6" max="6" width="6.42578125" style="10" customWidth="1"/>
    <col min="7" max="7" width="7.140625" customWidth="1"/>
    <col min="8" max="8" width="23.7109375" customWidth="1"/>
    <col min="9" max="9" width="16.7109375" customWidth="1"/>
    <col min="10" max="10" width="8" customWidth="1"/>
    <col min="11" max="11" width="5.7109375" customWidth="1"/>
    <col min="12" max="12" width="22.42578125" customWidth="1"/>
    <col min="13" max="13" width="21.42578125" customWidth="1"/>
    <col min="14" max="14" width="5.7109375" customWidth="1"/>
    <col min="15" max="15" width="8.140625" customWidth="1"/>
    <col min="16" max="16" width="21.5703125" customWidth="1"/>
    <col min="17" max="17" width="16.85546875" bestFit="1" customWidth="1"/>
    <col min="20" max="20" width="21.28515625" customWidth="1"/>
  </cols>
  <sheetData>
    <row r="1" spans="1:20" x14ac:dyDescent="0.2">
      <c r="E1" s="4"/>
    </row>
    <row r="2" spans="1:20" ht="20.25" x14ac:dyDescent="0.3">
      <c r="H2" s="2" t="s">
        <v>43</v>
      </c>
    </row>
    <row r="3" spans="1:20" x14ac:dyDescent="0.2">
      <c r="H3" s="7"/>
    </row>
    <row r="4" spans="1:20" x14ac:dyDescent="0.2">
      <c r="H4" s="7"/>
    </row>
    <row r="5" spans="1:20" x14ac:dyDescent="0.2">
      <c r="J5" s="1"/>
    </row>
    <row r="6" spans="1:20" x14ac:dyDescent="0.2">
      <c r="A6" t="s">
        <v>0</v>
      </c>
      <c r="B6" s="13"/>
      <c r="D6" s="14"/>
      <c r="E6" s="10" t="s">
        <v>1</v>
      </c>
      <c r="I6" t="s">
        <v>2</v>
      </c>
      <c r="J6" s="1"/>
      <c r="M6" s="3" t="s">
        <v>27</v>
      </c>
      <c r="Q6" s="3" t="s">
        <v>28</v>
      </c>
    </row>
    <row r="7" spans="1:20" x14ac:dyDescent="0.2">
      <c r="A7" s="12">
        <v>45166</v>
      </c>
      <c r="B7" t="s">
        <v>12</v>
      </c>
      <c r="C7" t="s">
        <v>13</v>
      </c>
      <c r="E7" s="12">
        <f>$A$7</f>
        <v>45166</v>
      </c>
      <c r="F7" t="s">
        <v>12</v>
      </c>
      <c r="G7" t="s">
        <v>13</v>
      </c>
      <c r="I7" s="12">
        <f>$A$7 +1</f>
        <v>45167</v>
      </c>
      <c r="J7" s="3" t="s">
        <v>12</v>
      </c>
      <c r="K7" s="3" t="s">
        <v>13</v>
      </c>
      <c r="M7" s="12">
        <f>$A$7+2</f>
        <v>45168</v>
      </c>
      <c r="N7" s="3" t="s">
        <v>12</v>
      </c>
      <c r="O7" s="3" t="s">
        <v>13</v>
      </c>
      <c r="Q7" s="12">
        <f>$A$7 +2</f>
        <v>45168</v>
      </c>
      <c r="R7" s="3" t="s">
        <v>12</v>
      </c>
      <c r="S7" s="3" t="s">
        <v>13</v>
      </c>
    </row>
    <row r="8" spans="1:20" x14ac:dyDescent="0.2">
      <c r="A8" s="21" t="s">
        <v>46</v>
      </c>
      <c r="B8" s="15" t="s">
        <v>15</v>
      </c>
      <c r="C8" s="3"/>
      <c r="D8" s="22" t="s">
        <v>58</v>
      </c>
      <c r="E8" s="21" t="s">
        <v>159</v>
      </c>
      <c r="F8" s="15" t="s">
        <v>15</v>
      </c>
      <c r="G8" s="19" t="s">
        <v>44</v>
      </c>
      <c r="H8" s="23" t="s">
        <v>86</v>
      </c>
      <c r="I8" s="21" t="s">
        <v>46</v>
      </c>
      <c r="J8" s="15" t="s">
        <v>15</v>
      </c>
      <c r="K8" s="3"/>
      <c r="L8" s="23" t="s">
        <v>114</v>
      </c>
      <c r="M8" s="21" t="s">
        <v>46</v>
      </c>
      <c r="N8" s="15" t="s">
        <v>15</v>
      </c>
      <c r="O8" s="3"/>
      <c r="P8" s="23" t="s">
        <v>142</v>
      </c>
      <c r="Q8" s="21" t="s">
        <v>159</v>
      </c>
      <c r="R8" s="15" t="s">
        <v>15</v>
      </c>
      <c r="S8" s="3"/>
      <c r="T8" s="23" t="s">
        <v>214</v>
      </c>
    </row>
    <row r="9" spans="1:20" x14ac:dyDescent="0.2">
      <c r="A9" s="21" t="s">
        <v>47</v>
      </c>
      <c r="B9" s="15" t="s">
        <v>14</v>
      </c>
      <c r="C9" s="3"/>
      <c r="D9" s="23" t="s">
        <v>59</v>
      </c>
      <c r="E9" s="21" t="s">
        <v>160</v>
      </c>
      <c r="F9" s="15" t="s">
        <v>7</v>
      </c>
      <c r="G9" s="19" t="s">
        <v>5</v>
      </c>
      <c r="H9" s="23" t="s">
        <v>87</v>
      </c>
      <c r="I9" s="21" t="s">
        <v>47</v>
      </c>
      <c r="J9" s="15" t="s">
        <v>14</v>
      </c>
      <c r="K9" s="3"/>
      <c r="L9" s="23" t="s">
        <v>115</v>
      </c>
      <c r="M9" s="21" t="s">
        <v>47</v>
      </c>
      <c r="N9" s="15" t="s">
        <v>7</v>
      </c>
      <c r="O9" s="19" t="s">
        <v>19</v>
      </c>
      <c r="P9" s="23" t="s">
        <v>188</v>
      </c>
      <c r="Q9" s="21" t="s">
        <v>160</v>
      </c>
      <c r="R9" s="15" t="s">
        <v>14</v>
      </c>
      <c r="S9" s="19" t="s">
        <v>4</v>
      </c>
      <c r="T9" s="23" t="s">
        <v>215</v>
      </c>
    </row>
    <row r="10" spans="1:20" x14ac:dyDescent="0.2">
      <c r="A10" s="21" t="s">
        <v>48</v>
      </c>
      <c r="B10" s="15" t="s">
        <v>7</v>
      </c>
      <c r="C10" s="3"/>
      <c r="D10" s="23" t="s">
        <v>60</v>
      </c>
      <c r="E10" s="21" t="s">
        <v>161</v>
      </c>
      <c r="F10" s="15" t="s">
        <v>14</v>
      </c>
      <c r="G10" s="19" t="s">
        <v>11</v>
      </c>
      <c r="H10" s="23" t="s">
        <v>88</v>
      </c>
      <c r="I10" s="21" t="s">
        <v>48</v>
      </c>
      <c r="J10" s="15" t="s">
        <v>7</v>
      </c>
      <c r="K10" s="19" t="s">
        <v>8</v>
      </c>
      <c r="L10" s="23" t="s">
        <v>116</v>
      </c>
      <c r="M10" s="21" t="s">
        <v>48</v>
      </c>
      <c r="N10" s="15" t="s">
        <v>14</v>
      </c>
      <c r="O10" s="19" t="s">
        <v>8</v>
      </c>
      <c r="P10" s="23" t="s">
        <v>189</v>
      </c>
      <c r="Q10" s="21" t="s">
        <v>161</v>
      </c>
      <c r="R10" s="15" t="s">
        <v>7</v>
      </c>
      <c r="S10" s="19" t="s">
        <v>8</v>
      </c>
      <c r="T10" s="23" t="s">
        <v>238</v>
      </c>
    </row>
    <row r="11" spans="1:20" x14ac:dyDescent="0.2">
      <c r="A11" s="21" t="s">
        <v>49</v>
      </c>
      <c r="B11" s="20" t="s">
        <v>40</v>
      </c>
      <c r="C11" s="19"/>
      <c r="D11" s="23" t="s">
        <v>61</v>
      </c>
      <c r="E11" s="21" t="s">
        <v>162</v>
      </c>
      <c r="F11" s="20" t="s">
        <v>40</v>
      </c>
      <c r="G11" s="19" t="s">
        <v>9</v>
      </c>
      <c r="H11" s="23" t="s">
        <v>89</v>
      </c>
      <c r="I11" s="21" t="s">
        <v>49</v>
      </c>
      <c r="J11" s="20" t="s">
        <v>40</v>
      </c>
      <c r="K11" s="19"/>
      <c r="L11" s="23" t="s">
        <v>117</v>
      </c>
      <c r="M11" s="21" t="s">
        <v>49</v>
      </c>
      <c r="N11" s="20" t="s">
        <v>40</v>
      </c>
      <c r="O11" s="19" t="s">
        <v>9</v>
      </c>
      <c r="P11" s="23" t="s">
        <v>190</v>
      </c>
      <c r="Q11" s="21" t="s">
        <v>162</v>
      </c>
      <c r="R11" s="20" t="s">
        <v>40</v>
      </c>
      <c r="S11" s="3"/>
      <c r="T11" s="23" t="s">
        <v>216</v>
      </c>
    </row>
    <row r="12" spans="1:20" x14ac:dyDescent="0.2">
      <c r="A12" s="21" t="s">
        <v>50</v>
      </c>
      <c r="B12" s="15" t="s">
        <v>4</v>
      </c>
      <c r="C12" s="3"/>
      <c r="D12" s="23" t="s">
        <v>62</v>
      </c>
      <c r="E12" s="21" t="s">
        <v>163</v>
      </c>
      <c r="F12" s="15" t="s">
        <v>41</v>
      </c>
      <c r="G12" s="15"/>
      <c r="H12" s="23" t="s">
        <v>90</v>
      </c>
      <c r="I12" s="21" t="s">
        <v>50</v>
      </c>
      <c r="J12" s="15" t="s">
        <v>4</v>
      </c>
      <c r="K12" s="15"/>
      <c r="L12" s="23" t="s">
        <v>118</v>
      </c>
      <c r="M12" s="21" t="s">
        <v>50</v>
      </c>
      <c r="N12" s="15" t="s">
        <v>41</v>
      </c>
      <c r="O12" s="3"/>
      <c r="P12" s="23" t="s">
        <v>191</v>
      </c>
      <c r="Q12" s="21" t="s">
        <v>163</v>
      </c>
      <c r="R12" s="15" t="s">
        <v>4</v>
      </c>
      <c r="S12" s="15"/>
      <c r="T12" s="23" t="s">
        <v>217</v>
      </c>
    </row>
    <row r="13" spans="1:20" x14ac:dyDescent="0.2">
      <c r="A13" s="21" t="s">
        <v>51</v>
      </c>
      <c r="B13" s="15" t="s">
        <v>21</v>
      </c>
      <c r="C13" s="3"/>
      <c r="D13" s="23" t="s">
        <v>63</v>
      </c>
      <c r="E13" s="21" t="s">
        <v>164</v>
      </c>
      <c r="F13" s="15" t="s">
        <v>20</v>
      </c>
      <c r="G13" s="3"/>
      <c r="H13" s="23" t="s">
        <v>91</v>
      </c>
      <c r="I13" s="21" t="s">
        <v>51</v>
      </c>
      <c r="J13" s="15" t="s">
        <v>21</v>
      </c>
      <c r="K13" s="19" t="s">
        <v>40</v>
      </c>
      <c r="L13" s="23" t="s">
        <v>119</v>
      </c>
      <c r="M13" s="21" t="s">
        <v>51</v>
      </c>
      <c r="N13" s="15" t="s">
        <v>20</v>
      </c>
      <c r="O13" s="3"/>
      <c r="P13" s="23" t="s">
        <v>192</v>
      </c>
      <c r="Q13" s="21" t="s">
        <v>164</v>
      </c>
      <c r="R13" s="15" t="s">
        <v>21</v>
      </c>
      <c r="S13" s="3"/>
      <c r="T13" s="23" t="s">
        <v>218</v>
      </c>
    </row>
    <row r="14" spans="1:20" x14ac:dyDescent="0.2">
      <c r="A14" s="21" t="s">
        <v>52</v>
      </c>
      <c r="B14" s="15" t="s">
        <v>19</v>
      </c>
      <c r="C14" s="19" t="s">
        <v>15</v>
      </c>
      <c r="D14" s="23" t="s">
        <v>64</v>
      </c>
      <c r="E14" s="21" t="s">
        <v>165</v>
      </c>
      <c r="F14" s="15" t="s">
        <v>19</v>
      </c>
      <c r="G14" s="3"/>
      <c r="H14" s="23" t="s">
        <v>92</v>
      </c>
      <c r="I14" s="21" t="s">
        <v>52</v>
      </c>
      <c r="J14" s="15" t="s">
        <v>19</v>
      </c>
      <c r="K14" s="3"/>
      <c r="L14" s="23" t="s">
        <v>121</v>
      </c>
      <c r="M14" s="21" t="s">
        <v>52</v>
      </c>
      <c r="N14" s="15" t="s">
        <v>19</v>
      </c>
      <c r="O14" s="19"/>
      <c r="P14" s="23" t="s">
        <v>193</v>
      </c>
      <c r="Q14" s="21" t="s">
        <v>165</v>
      </c>
      <c r="R14" s="15" t="s">
        <v>19</v>
      </c>
      <c r="S14" s="20" t="s">
        <v>5</v>
      </c>
      <c r="T14" s="23" t="s">
        <v>219</v>
      </c>
    </row>
    <row r="15" spans="1:20" x14ac:dyDescent="0.2">
      <c r="A15" s="21" t="s">
        <v>53</v>
      </c>
      <c r="B15" s="15" t="s">
        <v>20</v>
      </c>
      <c r="C15" s="17"/>
      <c r="D15" s="23" t="s">
        <v>65</v>
      </c>
      <c r="E15" s="21" t="s">
        <v>166</v>
      </c>
      <c r="F15" s="15" t="s">
        <v>21</v>
      </c>
      <c r="G15" s="3"/>
      <c r="H15" s="23" t="s">
        <v>93</v>
      </c>
      <c r="I15" s="21" t="s">
        <v>53</v>
      </c>
      <c r="J15" s="15" t="s">
        <v>20</v>
      </c>
      <c r="K15" s="3"/>
      <c r="L15" s="23" t="s">
        <v>120</v>
      </c>
      <c r="M15" s="21" t="s">
        <v>53</v>
      </c>
      <c r="N15" s="15" t="s">
        <v>21</v>
      </c>
      <c r="O15" s="20" t="s">
        <v>11</v>
      </c>
      <c r="P15" s="23" t="s">
        <v>194</v>
      </c>
      <c r="Q15" s="21" t="s">
        <v>166</v>
      </c>
      <c r="R15" s="15" t="s">
        <v>20</v>
      </c>
      <c r="S15" s="17"/>
      <c r="T15" s="23" t="s">
        <v>220</v>
      </c>
    </row>
    <row r="16" spans="1:20" x14ac:dyDescent="0.2">
      <c r="A16" s="21" t="s">
        <v>54</v>
      </c>
      <c r="B16" s="15" t="s">
        <v>41</v>
      </c>
      <c r="C16" s="15"/>
      <c r="D16" s="23" t="s">
        <v>66</v>
      </c>
      <c r="E16" s="21" t="s">
        <v>167</v>
      </c>
      <c r="F16" s="15" t="s">
        <v>4</v>
      </c>
      <c r="G16" s="3"/>
      <c r="H16" s="23" t="s">
        <v>94</v>
      </c>
      <c r="I16" s="21" t="s">
        <v>54</v>
      </c>
      <c r="J16" s="15" t="s">
        <v>41</v>
      </c>
      <c r="K16" s="19"/>
      <c r="L16" s="23" t="s">
        <v>122</v>
      </c>
      <c r="M16" s="21" t="s">
        <v>54</v>
      </c>
      <c r="N16" s="15" t="s">
        <v>4</v>
      </c>
      <c r="O16" s="19"/>
      <c r="P16" s="23" t="s">
        <v>195</v>
      </c>
      <c r="Q16" s="21" t="s">
        <v>167</v>
      </c>
      <c r="R16" s="15" t="s">
        <v>41</v>
      </c>
      <c r="S16" s="3"/>
      <c r="T16" s="23" t="s">
        <v>221</v>
      </c>
    </row>
    <row r="17" spans="1:20" x14ac:dyDescent="0.2">
      <c r="A17" s="21" t="s">
        <v>55</v>
      </c>
      <c r="B17" s="15" t="s">
        <v>37</v>
      </c>
      <c r="C17" s="3"/>
      <c r="D17" s="23" t="s">
        <v>67</v>
      </c>
      <c r="E17" s="21" t="s">
        <v>168</v>
      </c>
      <c r="F17" s="15" t="s">
        <v>45</v>
      </c>
      <c r="G17" s="15"/>
      <c r="H17" s="23" t="s">
        <v>95</v>
      </c>
      <c r="I17" s="21" t="s">
        <v>55</v>
      </c>
      <c r="J17" s="15" t="s">
        <v>37</v>
      </c>
      <c r="K17" s="3"/>
      <c r="L17" s="23" t="s">
        <v>123</v>
      </c>
      <c r="M17" s="21" t="s">
        <v>55</v>
      </c>
      <c r="N17" s="15" t="s">
        <v>45</v>
      </c>
      <c r="O17" s="19"/>
      <c r="P17" s="23" t="s">
        <v>196</v>
      </c>
      <c r="Q17" s="21" t="s">
        <v>168</v>
      </c>
      <c r="R17" s="15" t="s">
        <v>37</v>
      </c>
      <c r="S17" s="3"/>
      <c r="T17" s="23" t="s">
        <v>222</v>
      </c>
    </row>
    <row r="18" spans="1:20" x14ac:dyDescent="0.2">
      <c r="A18" s="21" t="s">
        <v>56</v>
      </c>
      <c r="B18" s="15" t="s">
        <v>10</v>
      </c>
      <c r="C18" s="3"/>
      <c r="D18" s="23" t="s">
        <v>68</v>
      </c>
      <c r="E18" s="21" t="s">
        <v>169</v>
      </c>
      <c r="F18" s="15" t="s">
        <v>44</v>
      </c>
      <c r="G18" s="3"/>
      <c r="H18" s="23" t="s">
        <v>96</v>
      </c>
      <c r="I18" s="21" t="s">
        <v>56</v>
      </c>
      <c r="J18" s="15" t="s">
        <v>10</v>
      </c>
      <c r="K18" s="15"/>
      <c r="L18" s="23" t="s">
        <v>124</v>
      </c>
      <c r="M18" s="21" t="s">
        <v>56</v>
      </c>
      <c r="N18" s="15" t="s">
        <v>44</v>
      </c>
      <c r="O18" s="15" t="s">
        <v>34</v>
      </c>
      <c r="P18" s="23" t="s">
        <v>197</v>
      </c>
      <c r="Q18" s="21" t="s">
        <v>169</v>
      </c>
      <c r="R18" s="15" t="s">
        <v>10</v>
      </c>
      <c r="S18" s="3"/>
      <c r="T18" s="23" t="s">
        <v>223</v>
      </c>
    </row>
    <row r="19" spans="1:20" x14ac:dyDescent="0.2">
      <c r="A19" s="21" t="s">
        <v>57</v>
      </c>
      <c r="B19" s="15" t="s">
        <v>44</v>
      </c>
      <c r="C19" s="19" t="s">
        <v>24</v>
      </c>
      <c r="D19" s="23" t="s">
        <v>69</v>
      </c>
      <c r="E19" s="21" t="s">
        <v>170</v>
      </c>
      <c r="F19" s="15" t="s">
        <v>10</v>
      </c>
      <c r="G19" s="3"/>
      <c r="H19" s="23" t="s">
        <v>97</v>
      </c>
      <c r="I19" s="21" t="s">
        <v>57</v>
      </c>
      <c r="J19" s="15" t="s">
        <v>44</v>
      </c>
      <c r="K19" s="19" t="s">
        <v>39</v>
      </c>
      <c r="L19" s="23" t="s">
        <v>125</v>
      </c>
      <c r="M19" s="21" t="s">
        <v>57</v>
      </c>
      <c r="N19" s="15" t="s">
        <v>10</v>
      </c>
      <c r="O19" s="15"/>
      <c r="P19" s="23" t="s">
        <v>198</v>
      </c>
      <c r="Q19" s="21" t="s">
        <v>170</v>
      </c>
      <c r="R19" s="15" t="s">
        <v>44</v>
      </c>
      <c r="S19" s="3"/>
      <c r="T19" s="23" t="s">
        <v>224</v>
      </c>
    </row>
    <row r="20" spans="1:20" x14ac:dyDescent="0.2">
      <c r="A20" s="21" t="s">
        <v>143</v>
      </c>
      <c r="B20" s="15" t="s">
        <v>45</v>
      </c>
      <c r="C20" s="3"/>
      <c r="D20" s="23" t="s">
        <v>70</v>
      </c>
      <c r="E20" s="21" t="s">
        <v>171</v>
      </c>
      <c r="F20" s="15" t="s">
        <v>37</v>
      </c>
      <c r="G20" s="3"/>
      <c r="H20" s="23" t="s">
        <v>98</v>
      </c>
      <c r="I20" s="21" t="s">
        <v>143</v>
      </c>
      <c r="J20" s="15" t="s">
        <v>45</v>
      </c>
      <c r="K20" s="19" t="s">
        <v>7</v>
      </c>
      <c r="L20" s="23" t="s">
        <v>126</v>
      </c>
      <c r="M20" s="21" t="s">
        <v>143</v>
      </c>
      <c r="N20" s="15" t="s">
        <v>37</v>
      </c>
      <c r="O20" s="3"/>
      <c r="P20" s="23" t="s">
        <v>199</v>
      </c>
      <c r="Q20" s="21" t="s">
        <v>171</v>
      </c>
      <c r="R20" s="15" t="s">
        <v>45</v>
      </c>
      <c r="S20" s="3"/>
      <c r="T20" s="23" t="s">
        <v>225</v>
      </c>
    </row>
    <row r="21" spans="1:20" x14ac:dyDescent="0.2">
      <c r="A21" s="21" t="s">
        <v>144</v>
      </c>
      <c r="B21" s="15" t="s">
        <v>18</v>
      </c>
      <c r="C21" s="19" t="s">
        <v>34</v>
      </c>
      <c r="D21" s="23" t="s">
        <v>71</v>
      </c>
      <c r="E21" s="21" t="s">
        <v>172</v>
      </c>
      <c r="F21" s="15" t="s">
        <v>24</v>
      </c>
      <c r="G21" s="3"/>
      <c r="H21" s="23" t="s">
        <v>99</v>
      </c>
      <c r="I21" s="21" t="s">
        <v>144</v>
      </c>
      <c r="J21" s="15" t="s">
        <v>18</v>
      </c>
      <c r="K21" s="19" t="s">
        <v>7</v>
      </c>
      <c r="L21" s="23" t="s">
        <v>127</v>
      </c>
      <c r="M21" s="21" t="s">
        <v>144</v>
      </c>
      <c r="N21" s="15" t="s">
        <v>24</v>
      </c>
      <c r="O21" s="3"/>
      <c r="P21" s="23" t="s">
        <v>200</v>
      </c>
      <c r="Q21" s="21" t="s">
        <v>172</v>
      </c>
      <c r="R21" s="15" t="s">
        <v>18</v>
      </c>
      <c r="S21" s="19" t="s">
        <v>7</v>
      </c>
      <c r="T21" s="23" t="s">
        <v>226</v>
      </c>
    </row>
    <row r="22" spans="1:20" x14ac:dyDescent="0.2">
      <c r="A22" s="21" t="s">
        <v>145</v>
      </c>
      <c r="B22" s="15" t="s">
        <v>24</v>
      </c>
      <c r="C22" s="3"/>
      <c r="D22" s="23" t="s">
        <v>72</v>
      </c>
      <c r="E22" s="21" t="s">
        <v>173</v>
      </c>
      <c r="F22" s="15" t="s">
        <v>18</v>
      </c>
      <c r="G22" s="19" t="s">
        <v>7</v>
      </c>
      <c r="H22" s="23" t="s">
        <v>100</v>
      </c>
      <c r="I22" s="21" t="s">
        <v>145</v>
      </c>
      <c r="J22" s="15" t="s">
        <v>24</v>
      </c>
      <c r="K22" s="3"/>
      <c r="L22" s="23" t="s">
        <v>129</v>
      </c>
      <c r="M22" s="21" t="s">
        <v>145</v>
      </c>
      <c r="N22" s="15" t="s">
        <v>18</v>
      </c>
      <c r="O22" s="3"/>
      <c r="P22" s="23" t="s">
        <v>201</v>
      </c>
      <c r="Q22" s="21" t="s">
        <v>173</v>
      </c>
      <c r="R22" s="15" t="s">
        <v>24</v>
      </c>
      <c r="S22" s="3"/>
      <c r="T22" s="23" t="s">
        <v>227</v>
      </c>
    </row>
    <row r="23" spans="1:20" x14ac:dyDescent="0.2">
      <c r="A23" s="21" t="s">
        <v>146</v>
      </c>
      <c r="B23" s="15" t="s">
        <v>9</v>
      </c>
      <c r="C23" s="15"/>
      <c r="D23" s="23" t="s">
        <v>73</v>
      </c>
      <c r="E23" s="21" t="s">
        <v>174</v>
      </c>
      <c r="F23" s="15" t="s">
        <v>9</v>
      </c>
      <c r="G23" s="3"/>
      <c r="H23" s="23" t="s">
        <v>101</v>
      </c>
      <c r="I23" s="21" t="s">
        <v>146</v>
      </c>
      <c r="J23" s="15" t="s">
        <v>9</v>
      </c>
      <c r="K23" s="19" t="s">
        <v>20</v>
      </c>
      <c r="L23" s="23" t="s">
        <v>130</v>
      </c>
      <c r="M23" s="21" t="s">
        <v>146</v>
      </c>
      <c r="N23" s="15" t="s">
        <v>9</v>
      </c>
      <c r="O23" s="15"/>
      <c r="P23" s="23" t="s">
        <v>202</v>
      </c>
      <c r="Q23" s="21" t="s">
        <v>174</v>
      </c>
      <c r="R23" s="15" t="s">
        <v>9</v>
      </c>
      <c r="S23" s="20"/>
      <c r="T23" s="23" t="s">
        <v>228</v>
      </c>
    </row>
    <row r="24" spans="1:20" x14ac:dyDescent="0.2">
      <c r="A24" s="21" t="s">
        <v>147</v>
      </c>
      <c r="B24" s="15" t="s">
        <v>26</v>
      </c>
      <c r="C24" s="3"/>
      <c r="D24" s="23" t="s">
        <v>74</v>
      </c>
      <c r="E24" s="21" t="s">
        <v>175</v>
      </c>
      <c r="F24" s="15" t="s">
        <v>34</v>
      </c>
      <c r="G24" s="3"/>
      <c r="H24" s="23" t="s">
        <v>102</v>
      </c>
      <c r="I24" s="21" t="s">
        <v>147</v>
      </c>
      <c r="J24" s="15" t="s">
        <v>26</v>
      </c>
      <c r="K24" s="17"/>
      <c r="L24" s="23" t="s">
        <v>131</v>
      </c>
      <c r="M24" s="21" t="s">
        <v>147</v>
      </c>
      <c r="N24" s="15" t="s">
        <v>34</v>
      </c>
      <c r="O24" s="3"/>
      <c r="P24" s="23" t="s">
        <v>203</v>
      </c>
      <c r="Q24" s="21" t="s">
        <v>175</v>
      </c>
      <c r="R24" s="15" t="s">
        <v>26</v>
      </c>
      <c r="S24" s="3"/>
      <c r="T24" s="23" t="s">
        <v>229</v>
      </c>
    </row>
    <row r="25" spans="1:20" x14ac:dyDescent="0.2">
      <c r="A25" s="21" t="s">
        <v>148</v>
      </c>
      <c r="B25" s="15" t="s">
        <v>17</v>
      </c>
      <c r="C25" s="19" t="s">
        <v>5</v>
      </c>
      <c r="D25" s="23" t="s">
        <v>75</v>
      </c>
      <c r="E25" s="21" t="s">
        <v>176</v>
      </c>
      <c r="F25" s="15" t="s">
        <v>17</v>
      </c>
      <c r="G25" s="3"/>
      <c r="H25" s="23" t="s">
        <v>103</v>
      </c>
      <c r="I25" s="21" t="s">
        <v>148</v>
      </c>
      <c r="J25" s="15" t="s">
        <v>17</v>
      </c>
      <c r="K25" s="3"/>
      <c r="L25" s="23" t="s">
        <v>132</v>
      </c>
      <c r="M25" s="21" t="s">
        <v>148</v>
      </c>
      <c r="N25" s="15" t="s">
        <v>17</v>
      </c>
      <c r="O25" s="19" t="s">
        <v>39</v>
      </c>
      <c r="P25" s="23" t="s">
        <v>204</v>
      </c>
      <c r="Q25" s="21" t="s">
        <v>176</v>
      </c>
      <c r="R25" s="15" t="s">
        <v>17</v>
      </c>
      <c r="S25" s="19" t="s">
        <v>21</v>
      </c>
      <c r="T25" s="23" t="s">
        <v>230</v>
      </c>
    </row>
    <row r="26" spans="1:20" x14ac:dyDescent="0.2">
      <c r="A26" s="21" t="s">
        <v>149</v>
      </c>
      <c r="B26" s="15" t="s">
        <v>34</v>
      </c>
      <c r="C26" s="19" t="s">
        <v>18</v>
      </c>
      <c r="D26" s="23" t="s">
        <v>76</v>
      </c>
      <c r="E26" s="21" t="s">
        <v>177</v>
      </c>
      <c r="F26" s="15" t="s">
        <v>26</v>
      </c>
      <c r="G26" s="3"/>
      <c r="H26" s="23" t="s">
        <v>104</v>
      </c>
      <c r="I26" s="21" t="s">
        <v>149</v>
      </c>
      <c r="J26" s="15" t="s">
        <v>34</v>
      </c>
      <c r="K26" s="19" t="s">
        <v>15</v>
      </c>
      <c r="L26" s="23" t="s">
        <v>133</v>
      </c>
      <c r="M26" s="21" t="s">
        <v>149</v>
      </c>
      <c r="N26" s="15" t="s">
        <v>26</v>
      </c>
      <c r="O26" s="3"/>
      <c r="P26" s="23" t="s">
        <v>205</v>
      </c>
      <c r="Q26" s="21" t="s">
        <v>177</v>
      </c>
      <c r="R26" s="15" t="s">
        <v>34</v>
      </c>
      <c r="S26" s="3"/>
      <c r="T26" s="23" t="s">
        <v>231</v>
      </c>
    </row>
    <row r="27" spans="1:20" x14ac:dyDescent="0.2">
      <c r="A27" s="21" t="s">
        <v>150</v>
      </c>
      <c r="B27" s="15" t="s">
        <v>25</v>
      </c>
      <c r="C27" s="19" t="s">
        <v>7</v>
      </c>
      <c r="D27" s="23" t="s">
        <v>77</v>
      </c>
      <c r="E27" s="21" t="s">
        <v>178</v>
      </c>
      <c r="F27" s="15" t="s">
        <v>25</v>
      </c>
      <c r="G27" s="3"/>
      <c r="H27" s="23" t="s">
        <v>105</v>
      </c>
      <c r="I27" s="21" t="s">
        <v>150</v>
      </c>
      <c r="J27" s="15" t="s">
        <v>25</v>
      </c>
      <c r="K27" s="3"/>
      <c r="L27" s="23" t="s">
        <v>134</v>
      </c>
      <c r="M27" s="21" t="s">
        <v>150</v>
      </c>
      <c r="N27" s="15" t="s">
        <v>25</v>
      </c>
      <c r="O27" s="19" t="s">
        <v>15</v>
      </c>
      <c r="P27" s="23" t="s">
        <v>206</v>
      </c>
      <c r="Q27" s="21" t="s">
        <v>178</v>
      </c>
      <c r="R27" s="15" t="s">
        <v>25</v>
      </c>
      <c r="S27" s="19" t="s">
        <v>18</v>
      </c>
      <c r="T27" s="23" t="s">
        <v>232</v>
      </c>
    </row>
    <row r="28" spans="1:20" x14ac:dyDescent="0.2">
      <c r="A28" s="21" t="s">
        <v>151</v>
      </c>
      <c r="B28" s="15" t="s">
        <v>8</v>
      </c>
      <c r="C28" s="3"/>
      <c r="D28" s="23" t="s">
        <v>78</v>
      </c>
      <c r="E28" s="21" t="s">
        <v>179</v>
      </c>
      <c r="F28" s="15" t="s">
        <v>39</v>
      </c>
      <c r="G28" s="3"/>
      <c r="H28" s="23" t="s">
        <v>106</v>
      </c>
      <c r="I28" s="21" t="s">
        <v>151</v>
      </c>
      <c r="J28" s="15" t="s">
        <v>8</v>
      </c>
      <c r="K28" s="19"/>
      <c r="L28" s="23" t="s">
        <v>135</v>
      </c>
      <c r="M28" s="21" t="s">
        <v>151</v>
      </c>
      <c r="N28" s="15" t="s">
        <v>39</v>
      </c>
      <c r="O28" s="3"/>
      <c r="P28" s="23" t="s">
        <v>207</v>
      </c>
      <c r="Q28" s="21" t="s">
        <v>179</v>
      </c>
      <c r="R28" s="15" t="s">
        <v>8</v>
      </c>
      <c r="S28" s="3"/>
      <c r="T28" s="23" t="s">
        <v>233</v>
      </c>
    </row>
    <row r="29" spans="1:20" x14ac:dyDescent="0.2">
      <c r="A29" s="21" t="s">
        <v>152</v>
      </c>
      <c r="B29" s="15" t="s">
        <v>39</v>
      </c>
      <c r="C29" s="3"/>
      <c r="D29" s="23" t="s">
        <v>79</v>
      </c>
      <c r="E29" s="21" t="s">
        <v>180</v>
      </c>
      <c r="F29" s="15" t="s">
        <v>8</v>
      </c>
      <c r="G29" s="19" t="s">
        <v>5</v>
      </c>
      <c r="H29" s="23" t="s">
        <v>107</v>
      </c>
      <c r="I29" s="21" t="s">
        <v>152</v>
      </c>
      <c r="J29" s="15" t="s">
        <v>39</v>
      </c>
      <c r="K29" s="19"/>
      <c r="L29" s="23" t="s">
        <v>136</v>
      </c>
      <c r="M29" s="21" t="s">
        <v>152</v>
      </c>
      <c r="N29" s="15" t="s">
        <v>8</v>
      </c>
      <c r="O29" s="20" t="s">
        <v>34</v>
      </c>
      <c r="P29" s="23" t="s">
        <v>208</v>
      </c>
      <c r="Q29" s="21" t="s">
        <v>180</v>
      </c>
      <c r="R29" s="15" t="s">
        <v>39</v>
      </c>
      <c r="S29" s="3"/>
      <c r="T29" s="23" t="s">
        <v>234</v>
      </c>
    </row>
    <row r="30" spans="1:20" x14ac:dyDescent="0.2">
      <c r="A30" s="21" t="s">
        <v>153</v>
      </c>
      <c r="B30" s="15" t="s">
        <v>11</v>
      </c>
      <c r="C30" s="19" t="s">
        <v>7</v>
      </c>
      <c r="D30" s="23" t="s">
        <v>80</v>
      </c>
      <c r="E30" s="21" t="s">
        <v>181</v>
      </c>
      <c r="F30" s="15" t="s">
        <v>11</v>
      </c>
      <c r="G30" s="3"/>
      <c r="H30" s="23" t="s">
        <v>108</v>
      </c>
      <c r="I30" s="21" t="s">
        <v>153</v>
      </c>
      <c r="J30" s="15" t="s">
        <v>11</v>
      </c>
      <c r="K30" s="20" t="s">
        <v>25</v>
      </c>
      <c r="L30" s="23" t="s">
        <v>137</v>
      </c>
      <c r="M30" s="21" t="s">
        <v>153</v>
      </c>
      <c r="N30" s="15" t="s">
        <v>11</v>
      </c>
      <c r="O30" s="3"/>
      <c r="P30" s="23" t="s">
        <v>209</v>
      </c>
      <c r="Q30" s="21" t="s">
        <v>181</v>
      </c>
      <c r="R30" s="15" t="s">
        <v>11</v>
      </c>
      <c r="S30" s="3"/>
      <c r="T30" s="23" t="s">
        <v>235</v>
      </c>
    </row>
    <row r="31" spans="1:20" x14ac:dyDescent="0.2">
      <c r="A31" s="21" t="s">
        <v>154</v>
      </c>
      <c r="B31" s="15" t="s">
        <v>42</v>
      </c>
      <c r="C31" s="20" t="s">
        <v>40</v>
      </c>
      <c r="D31" s="23" t="s">
        <v>81</v>
      </c>
      <c r="E31" s="21" t="s">
        <v>182</v>
      </c>
      <c r="F31" s="15" t="s">
        <v>42</v>
      </c>
      <c r="G31" s="15" t="s">
        <v>5</v>
      </c>
      <c r="H31" s="23" t="s">
        <v>109</v>
      </c>
      <c r="I31" s="21" t="s">
        <v>154</v>
      </c>
      <c r="J31" s="15" t="s">
        <v>42</v>
      </c>
      <c r="K31" s="15" t="s">
        <v>5</v>
      </c>
      <c r="L31" s="23" t="s">
        <v>139</v>
      </c>
      <c r="M31" s="21" t="s">
        <v>154</v>
      </c>
      <c r="N31" s="15" t="s">
        <v>42</v>
      </c>
      <c r="O31" s="15" t="s">
        <v>39</v>
      </c>
      <c r="P31" s="23" t="s">
        <v>210</v>
      </c>
      <c r="Q31" s="21" t="s">
        <v>182</v>
      </c>
      <c r="R31" s="15" t="s">
        <v>42</v>
      </c>
      <c r="S31" s="19" t="s">
        <v>21</v>
      </c>
      <c r="T31" s="23" t="s">
        <v>236</v>
      </c>
    </row>
    <row r="32" spans="1:20" x14ac:dyDescent="0.2">
      <c r="A32" s="21" t="s">
        <v>155</v>
      </c>
      <c r="B32" s="15" t="s">
        <v>5</v>
      </c>
      <c r="C32" s="20" t="s">
        <v>7</v>
      </c>
      <c r="D32" s="23" t="s">
        <v>82</v>
      </c>
      <c r="E32" s="21" t="s">
        <v>183</v>
      </c>
      <c r="F32" s="15" t="s">
        <v>5</v>
      </c>
      <c r="G32" s="15" t="s">
        <v>21</v>
      </c>
      <c r="H32" s="23" t="s">
        <v>110</v>
      </c>
      <c r="I32" s="21" t="s">
        <v>155</v>
      </c>
      <c r="J32" s="15" t="s">
        <v>5</v>
      </c>
      <c r="K32" s="3"/>
      <c r="L32" s="23" t="s">
        <v>138</v>
      </c>
      <c r="M32" s="21" t="s">
        <v>155</v>
      </c>
      <c r="N32" s="15" t="s">
        <v>5</v>
      </c>
      <c r="O32" s="3"/>
      <c r="P32" s="23" t="s">
        <v>213</v>
      </c>
      <c r="Q32" s="21" t="s">
        <v>183</v>
      </c>
      <c r="R32" s="15" t="s">
        <v>5</v>
      </c>
      <c r="S32" s="17"/>
      <c r="T32" s="23" t="s">
        <v>240</v>
      </c>
    </row>
    <row r="33" spans="1:20" x14ac:dyDescent="0.2">
      <c r="A33" s="21" t="s">
        <v>156</v>
      </c>
      <c r="B33" s="15" t="s">
        <v>22</v>
      </c>
      <c r="C33" s="3"/>
      <c r="D33" s="23" t="s">
        <v>83</v>
      </c>
      <c r="E33" s="21" t="s">
        <v>184</v>
      </c>
      <c r="F33" s="15" t="s">
        <v>22</v>
      </c>
      <c r="G33" s="17"/>
      <c r="H33" s="23" t="s">
        <v>111</v>
      </c>
      <c r="I33" s="21" t="s">
        <v>156</v>
      </c>
      <c r="J33" s="15" t="s">
        <v>22</v>
      </c>
      <c r="K33" s="3"/>
      <c r="L33" s="23" t="s">
        <v>140</v>
      </c>
      <c r="M33" s="21" t="s">
        <v>156</v>
      </c>
      <c r="N33" s="15" t="s">
        <v>22</v>
      </c>
      <c r="O33" s="3"/>
      <c r="P33" s="23" t="s">
        <v>211</v>
      </c>
      <c r="Q33" s="21" t="s">
        <v>184</v>
      </c>
      <c r="R33" s="15" t="s">
        <v>22</v>
      </c>
      <c r="S33" s="3"/>
      <c r="T33" s="23" t="s">
        <v>237</v>
      </c>
    </row>
    <row r="34" spans="1:20" x14ac:dyDescent="0.2">
      <c r="A34" s="21" t="s">
        <v>157</v>
      </c>
      <c r="B34" s="15" t="s">
        <v>6</v>
      </c>
      <c r="C34" s="19" t="s">
        <v>15</v>
      </c>
      <c r="D34" s="23" t="s">
        <v>84</v>
      </c>
      <c r="E34" s="21" t="s">
        <v>185</v>
      </c>
      <c r="F34" s="15" t="s">
        <v>6</v>
      </c>
      <c r="G34" s="3"/>
      <c r="H34" s="23" t="s">
        <v>112</v>
      </c>
      <c r="I34" s="21" t="s">
        <v>157</v>
      </c>
      <c r="J34" s="15" t="s">
        <v>6</v>
      </c>
      <c r="K34" s="15"/>
      <c r="L34" s="23" t="s">
        <v>128</v>
      </c>
      <c r="M34" s="21" t="s">
        <v>157</v>
      </c>
      <c r="N34" s="15" t="s">
        <v>6</v>
      </c>
      <c r="O34" s="3"/>
      <c r="P34" s="23" t="s">
        <v>187</v>
      </c>
      <c r="Q34" s="21" t="s">
        <v>185</v>
      </c>
      <c r="R34" s="15" t="s">
        <v>6</v>
      </c>
      <c r="S34" s="15"/>
      <c r="T34" s="23" t="s">
        <v>239</v>
      </c>
    </row>
    <row r="35" spans="1:20" x14ac:dyDescent="0.2">
      <c r="A35" s="21" t="s">
        <v>158</v>
      </c>
      <c r="B35" s="15" t="s">
        <v>23</v>
      </c>
      <c r="C35" s="15"/>
      <c r="D35" s="23" t="s">
        <v>85</v>
      </c>
      <c r="E35" s="21" t="s">
        <v>186</v>
      </c>
      <c r="F35" s="15" t="s">
        <v>23</v>
      </c>
      <c r="G35" s="3"/>
      <c r="H35" s="23" t="s">
        <v>113</v>
      </c>
      <c r="I35" s="21" t="s">
        <v>158</v>
      </c>
      <c r="J35" s="15" t="s">
        <v>23</v>
      </c>
      <c r="K35" s="3"/>
      <c r="L35" s="23" t="s">
        <v>141</v>
      </c>
      <c r="M35" s="21" t="s">
        <v>158</v>
      </c>
      <c r="N35" s="15" t="s">
        <v>23</v>
      </c>
      <c r="O35" s="3"/>
      <c r="P35" s="23" t="s">
        <v>212</v>
      </c>
      <c r="Q35" s="21" t="s">
        <v>186</v>
      </c>
      <c r="R35" s="15" t="s">
        <v>23</v>
      </c>
      <c r="S35" s="3"/>
      <c r="T35" s="23" t="s">
        <v>241</v>
      </c>
    </row>
    <row r="36" spans="1:20" x14ac:dyDescent="0.2">
      <c r="A36" s="4"/>
      <c r="H36" s="3"/>
    </row>
    <row r="37" spans="1:20" x14ac:dyDescent="0.2">
      <c r="A37" s="4"/>
    </row>
    <row r="38" spans="1:20" x14ac:dyDescent="0.2">
      <c r="B38" s="3" t="s">
        <v>16</v>
      </c>
      <c r="E38" s="11" t="s">
        <v>3</v>
      </c>
      <c r="F38" s="11"/>
      <c r="I38" s="3" t="s">
        <v>29</v>
      </c>
      <c r="J38" s="1"/>
      <c r="M38" s="3" t="s">
        <v>30</v>
      </c>
      <c r="Q38" s="3" t="s">
        <v>31</v>
      </c>
    </row>
    <row r="39" spans="1:20" x14ac:dyDescent="0.2">
      <c r="A39" s="12">
        <f>$A$7 +3</f>
        <v>45169</v>
      </c>
      <c r="B39" t="s">
        <v>12</v>
      </c>
      <c r="C39" t="s">
        <v>13</v>
      </c>
      <c r="E39" s="12">
        <f>$A$7 +3</f>
        <v>45169</v>
      </c>
      <c r="F39" t="s">
        <v>12</v>
      </c>
      <c r="G39" t="s">
        <v>13</v>
      </c>
      <c r="I39" s="12">
        <f>$A$7 +4</f>
        <v>45170</v>
      </c>
      <c r="J39" s="3" t="s">
        <v>12</v>
      </c>
      <c r="K39" s="3" t="s">
        <v>13</v>
      </c>
      <c r="M39" s="12">
        <f>$A$7 +4</f>
        <v>45170</v>
      </c>
      <c r="N39" s="3" t="s">
        <v>12</v>
      </c>
      <c r="O39" s="3" t="s">
        <v>13</v>
      </c>
      <c r="Q39" s="12">
        <f>$A$7 +5</f>
        <v>45171</v>
      </c>
      <c r="R39" s="3" t="s">
        <v>12</v>
      </c>
      <c r="S39" s="3" t="s">
        <v>13</v>
      </c>
    </row>
    <row r="40" spans="1:20" x14ac:dyDescent="0.2">
      <c r="A40" s="21" t="s">
        <v>46</v>
      </c>
      <c r="B40" s="15" t="s">
        <v>15</v>
      </c>
      <c r="C40" s="3"/>
      <c r="D40" s="23" t="s">
        <v>242</v>
      </c>
      <c r="E40" s="21" t="s">
        <v>159</v>
      </c>
      <c r="F40" s="15" t="s">
        <v>15</v>
      </c>
      <c r="G40" s="3"/>
      <c r="H40" s="23" t="s">
        <v>270</v>
      </c>
      <c r="I40" s="21" t="s">
        <v>46</v>
      </c>
      <c r="J40" s="15" t="s">
        <v>15</v>
      </c>
      <c r="K40" s="19" t="s">
        <v>19</v>
      </c>
      <c r="L40" s="23" t="s">
        <v>296</v>
      </c>
      <c r="M40" s="21" t="s">
        <v>159</v>
      </c>
      <c r="N40" s="15" t="s">
        <v>15</v>
      </c>
      <c r="O40" s="3"/>
      <c r="P40" s="23" t="s">
        <v>325</v>
      </c>
      <c r="Q40" s="21" t="s">
        <v>46</v>
      </c>
      <c r="R40" s="15" t="s">
        <v>15</v>
      </c>
      <c r="S40" s="20" t="s">
        <v>9</v>
      </c>
      <c r="T40" s="23" t="s">
        <v>354</v>
      </c>
    </row>
    <row r="41" spans="1:20" x14ac:dyDescent="0.2">
      <c r="A41" s="21" t="s">
        <v>47</v>
      </c>
      <c r="B41" s="15" t="s">
        <v>7</v>
      </c>
      <c r="C41" s="3"/>
      <c r="D41" s="23" t="s">
        <v>243</v>
      </c>
      <c r="E41" s="21" t="s">
        <v>160</v>
      </c>
      <c r="F41" s="15" t="s">
        <v>14</v>
      </c>
      <c r="G41" s="3"/>
      <c r="H41" s="23" t="s">
        <v>271</v>
      </c>
      <c r="I41" s="21" t="s">
        <v>47</v>
      </c>
      <c r="J41" s="15" t="s">
        <v>7</v>
      </c>
      <c r="K41" s="3"/>
      <c r="L41" s="23" t="s">
        <v>300</v>
      </c>
      <c r="M41" s="21" t="s">
        <v>160</v>
      </c>
      <c r="N41" s="15" t="s">
        <v>14</v>
      </c>
      <c r="O41" s="3"/>
      <c r="P41" s="23" t="s">
        <v>326</v>
      </c>
      <c r="Q41" s="21" t="s">
        <v>47</v>
      </c>
      <c r="R41" s="15" t="s">
        <v>7</v>
      </c>
      <c r="S41" s="3"/>
      <c r="T41" s="23" t="s">
        <v>377</v>
      </c>
    </row>
    <row r="42" spans="1:20" x14ac:dyDescent="0.2">
      <c r="A42" s="21" t="s">
        <v>48</v>
      </c>
      <c r="B42" s="15" t="s">
        <v>14</v>
      </c>
      <c r="C42" s="19" t="s">
        <v>17</v>
      </c>
      <c r="D42" s="23" t="s">
        <v>244</v>
      </c>
      <c r="E42" s="21" t="s">
        <v>161</v>
      </c>
      <c r="F42" s="15" t="s">
        <v>7</v>
      </c>
      <c r="G42" s="3"/>
      <c r="H42" s="23" t="s">
        <v>272</v>
      </c>
      <c r="I42" s="21" t="s">
        <v>48</v>
      </c>
      <c r="J42" s="15" t="s">
        <v>14</v>
      </c>
      <c r="K42" s="3"/>
      <c r="L42" s="23" t="s">
        <v>301</v>
      </c>
      <c r="M42" s="21" t="s">
        <v>161</v>
      </c>
      <c r="N42" s="15" t="s">
        <v>7</v>
      </c>
      <c r="O42" s="3"/>
      <c r="P42" s="23" t="s">
        <v>346</v>
      </c>
      <c r="Q42" s="21" t="s">
        <v>48</v>
      </c>
      <c r="R42" s="15" t="s">
        <v>14</v>
      </c>
      <c r="S42" s="3"/>
      <c r="T42" s="23" t="s">
        <v>352</v>
      </c>
    </row>
    <row r="43" spans="1:20" x14ac:dyDescent="0.2">
      <c r="A43" s="21" t="s">
        <v>49</v>
      </c>
      <c r="B43" s="20" t="s">
        <v>40</v>
      </c>
      <c r="C43" s="3"/>
      <c r="D43" s="23" t="s">
        <v>245</v>
      </c>
      <c r="E43" s="21" t="s">
        <v>162</v>
      </c>
      <c r="F43" s="20" t="s">
        <v>40</v>
      </c>
      <c r="G43" s="3"/>
      <c r="H43" s="23" t="s">
        <v>273</v>
      </c>
      <c r="I43" s="21" t="s">
        <v>49</v>
      </c>
      <c r="J43" s="20" t="s">
        <v>40</v>
      </c>
      <c r="K43" s="3"/>
      <c r="L43" s="23" t="s">
        <v>302</v>
      </c>
      <c r="M43" s="21" t="s">
        <v>162</v>
      </c>
      <c r="N43" s="20" t="s">
        <v>40</v>
      </c>
      <c r="O43" s="3"/>
      <c r="P43" s="23" t="s">
        <v>327</v>
      </c>
      <c r="Q43" s="21" t="s">
        <v>49</v>
      </c>
      <c r="R43" s="20" t="s">
        <v>40</v>
      </c>
      <c r="S43" s="15"/>
      <c r="T43" s="23" t="s">
        <v>355</v>
      </c>
    </row>
    <row r="44" spans="1:20" x14ac:dyDescent="0.2">
      <c r="A44" s="21" t="s">
        <v>50</v>
      </c>
      <c r="B44" s="15" t="s">
        <v>41</v>
      </c>
      <c r="C44" s="15"/>
      <c r="D44" s="23" t="s">
        <v>246</v>
      </c>
      <c r="E44" s="21" t="s">
        <v>163</v>
      </c>
      <c r="F44" s="15" t="s">
        <v>4</v>
      </c>
      <c r="G44" s="15" t="s">
        <v>44</v>
      </c>
      <c r="H44" s="23" t="s">
        <v>274</v>
      </c>
      <c r="I44" s="21" t="s">
        <v>50</v>
      </c>
      <c r="J44" s="15" t="s">
        <v>41</v>
      </c>
      <c r="K44" s="3"/>
      <c r="L44" s="23" t="s">
        <v>303</v>
      </c>
      <c r="M44" s="21" t="s">
        <v>163</v>
      </c>
      <c r="N44" s="15" t="s">
        <v>4</v>
      </c>
      <c r="O44" s="19" t="s">
        <v>44</v>
      </c>
      <c r="P44" s="23" t="s">
        <v>328</v>
      </c>
      <c r="Q44" s="21" t="s">
        <v>50</v>
      </c>
      <c r="R44" s="15" t="s">
        <v>41</v>
      </c>
      <c r="S44" s="19" t="s">
        <v>26</v>
      </c>
      <c r="T44" s="23" t="s">
        <v>356</v>
      </c>
    </row>
    <row r="45" spans="1:20" x14ac:dyDescent="0.2">
      <c r="A45" s="21" t="s">
        <v>51</v>
      </c>
      <c r="B45" s="15" t="s">
        <v>20</v>
      </c>
      <c r="C45" s="3"/>
      <c r="D45" s="23" t="s">
        <v>247</v>
      </c>
      <c r="E45" s="21" t="s">
        <v>164</v>
      </c>
      <c r="F45" s="15" t="s">
        <v>21</v>
      </c>
      <c r="G45" s="19" t="s">
        <v>6</v>
      </c>
      <c r="H45" s="23" t="s">
        <v>276</v>
      </c>
      <c r="I45" s="21" t="s">
        <v>51</v>
      </c>
      <c r="J45" s="15" t="s">
        <v>20</v>
      </c>
      <c r="K45" s="3"/>
      <c r="L45" s="23" t="s">
        <v>304</v>
      </c>
      <c r="M45" s="21" t="s">
        <v>164</v>
      </c>
      <c r="N45" s="15" t="s">
        <v>21</v>
      </c>
      <c r="O45" s="19" t="s">
        <v>11</v>
      </c>
      <c r="P45" s="23" t="s">
        <v>350</v>
      </c>
      <c r="Q45" s="21" t="s">
        <v>51</v>
      </c>
      <c r="R45" s="15" t="s">
        <v>20</v>
      </c>
      <c r="S45" s="3"/>
      <c r="T45" s="23" t="s">
        <v>357</v>
      </c>
    </row>
    <row r="46" spans="1:20" x14ac:dyDescent="0.2">
      <c r="A46" s="21" t="s">
        <v>52</v>
      </c>
      <c r="B46" s="15" t="s">
        <v>19</v>
      </c>
      <c r="C46" s="19"/>
      <c r="D46" s="23" t="s">
        <v>248</v>
      </c>
      <c r="E46" s="21" t="s">
        <v>165</v>
      </c>
      <c r="F46" s="15" t="s">
        <v>19</v>
      </c>
      <c r="G46" s="19"/>
      <c r="H46" s="23" t="s">
        <v>275</v>
      </c>
      <c r="I46" s="21" t="s">
        <v>52</v>
      </c>
      <c r="J46" s="15" t="s">
        <v>19</v>
      </c>
      <c r="K46" s="3"/>
      <c r="L46" s="23" t="s">
        <v>305</v>
      </c>
      <c r="M46" s="21" t="s">
        <v>165</v>
      </c>
      <c r="N46" s="15" t="s">
        <v>19</v>
      </c>
      <c r="O46" s="3"/>
      <c r="P46" s="23" t="s">
        <v>351</v>
      </c>
      <c r="Q46" s="21" t="s">
        <v>52</v>
      </c>
      <c r="R46" s="15" t="s">
        <v>19</v>
      </c>
      <c r="S46" s="3"/>
      <c r="T46" s="23" t="s">
        <v>358</v>
      </c>
    </row>
    <row r="47" spans="1:20" x14ac:dyDescent="0.2">
      <c r="A47" s="21" t="s">
        <v>53</v>
      </c>
      <c r="B47" s="15" t="s">
        <v>21</v>
      </c>
      <c r="C47" s="19" t="s">
        <v>11</v>
      </c>
      <c r="D47" s="23" t="s">
        <v>249</v>
      </c>
      <c r="E47" s="21" t="s">
        <v>166</v>
      </c>
      <c r="F47" s="15" t="s">
        <v>20</v>
      </c>
      <c r="G47" s="3"/>
      <c r="H47" s="23" t="s">
        <v>277</v>
      </c>
      <c r="I47" s="21" t="s">
        <v>53</v>
      </c>
      <c r="J47" s="15" t="s">
        <v>21</v>
      </c>
      <c r="K47" s="19" t="s">
        <v>11</v>
      </c>
      <c r="L47" s="23" t="s">
        <v>306</v>
      </c>
      <c r="M47" s="21" t="s">
        <v>166</v>
      </c>
      <c r="N47" s="15" t="s">
        <v>20</v>
      </c>
      <c r="O47" s="3"/>
      <c r="P47" s="23" t="s">
        <v>329</v>
      </c>
      <c r="Q47" s="21" t="s">
        <v>53</v>
      </c>
      <c r="R47" s="15" t="s">
        <v>21</v>
      </c>
      <c r="S47" s="19" t="s">
        <v>11</v>
      </c>
      <c r="T47" s="23" t="s">
        <v>363</v>
      </c>
    </row>
    <row r="48" spans="1:20" x14ac:dyDescent="0.2">
      <c r="A48" s="21" t="s">
        <v>54</v>
      </c>
      <c r="B48" s="15" t="s">
        <v>4</v>
      </c>
      <c r="C48" s="19" t="s">
        <v>14</v>
      </c>
      <c r="D48" s="23" t="s">
        <v>251</v>
      </c>
      <c r="E48" s="21" t="s">
        <v>167</v>
      </c>
      <c r="F48" s="15" t="s">
        <v>41</v>
      </c>
      <c r="G48" s="3"/>
      <c r="H48" s="23" t="s">
        <v>278</v>
      </c>
      <c r="I48" s="21" t="s">
        <v>54</v>
      </c>
      <c r="J48" s="15" t="s">
        <v>4</v>
      </c>
      <c r="K48" s="19" t="s">
        <v>44</v>
      </c>
      <c r="L48" s="23" t="s">
        <v>307</v>
      </c>
      <c r="M48" s="21" t="s">
        <v>167</v>
      </c>
      <c r="N48" s="15" t="s">
        <v>41</v>
      </c>
      <c r="O48" s="3"/>
      <c r="P48" s="23" t="s">
        <v>330</v>
      </c>
      <c r="Q48" s="21" t="s">
        <v>54</v>
      </c>
      <c r="R48" s="15" t="s">
        <v>4</v>
      </c>
      <c r="S48" s="19" t="s">
        <v>44</v>
      </c>
      <c r="T48" s="23" t="s">
        <v>359</v>
      </c>
    </row>
    <row r="49" spans="1:20" x14ac:dyDescent="0.2">
      <c r="A49" s="21" t="s">
        <v>55</v>
      </c>
      <c r="B49" s="15" t="s">
        <v>45</v>
      </c>
      <c r="C49" s="3"/>
      <c r="D49" s="23" t="s">
        <v>252</v>
      </c>
      <c r="E49" s="21" t="s">
        <v>168</v>
      </c>
      <c r="F49" s="15" t="s">
        <v>37</v>
      </c>
      <c r="G49" s="3"/>
      <c r="H49" s="23" t="s">
        <v>279</v>
      </c>
      <c r="I49" s="21" t="s">
        <v>55</v>
      </c>
      <c r="J49" s="15" t="s">
        <v>45</v>
      </c>
      <c r="K49" s="3"/>
      <c r="L49" s="23" t="s">
        <v>308</v>
      </c>
      <c r="M49" s="21" t="s">
        <v>168</v>
      </c>
      <c r="N49" s="15" t="s">
        <v>37</v>
      </c>
      <c r="O49" s="3"/>
      <c r="P49" s="23" t="s">
        <v>331</v>
      </c>
      <c r="Q49" s="21" t="s">
        <v>55</v>
      </c>
      <c r="R49" s="15" t="s">
        <v>45</v>
      </c>
      <c r="S49" s="3"/>
      <c r="T49" s="23" t="s">
        <v>360</v>
      </c>
    </row>
    <row r="50" spans="1:20" x14ac:dyDescent="0.2">
      <c r="A50" s="21" t="s">
        <v>56</v>
      </c>
      <c r="B50" s="15" t="s">
        <v>44</v>
      </c>
      <c r="C50" s="3"/>
      <c r="D50" s="23" t="s">
        <v>253</v>
      </c>
      <c r="E50" s="21" t="s">
        <v>169</v>
      </c>
      <c r="F50" s="15" t="s">
        <v>10</v>
      </c>
      <c r="G50" s="3"/>
      <c r="H50" s="23" t="s">
        <v>294</v>
      </c>
      <c r="I50" s="21" t="s">
        <v>56</v>
      </c>
      <c r="J50" s="15" t="s">
        <v>44</v>
      </c>
      <c r="K50" s="19"/>
      <c r="L50" s="23" t="s">
        <v>309</v>
      </c>
      <c r="M50" s="21" t="s">
        <v>169</v>
      </c>
      <c r="N50" s="15" t="s">
        <v>10</v>
      </c>
      <c r="O50" s="3"/>
      <c r="P50" s="23" t="s">
        <v>332</v>
      </c>
      <c r="Q50" s="21" t="s">
        <v>56</v>
      </c>
      <c r="R50" s="15" t="s">
        <v>44</v>
      </c>
      <c r="S50" s="15"/>
      <c r="T50" s="23" t="s">
        <v>361</v>
      </c>
    </row>
    <row r="51" spans="1:20" x14ac:dyDescent="0.2">
      <c r="A51" s="21" t="s">
        <v>57</v>
      </c>
      <c r="B51" s="15" t="s">
        <v>10</v>
      </c>
      <c r="C51" s="3"/>
      <c r="D51" s="23" t="s">
        <v>254</v>
      </c>
      <c r="E51" s="21" t="s">
        <v>170</v>
      </c>
      <c r="F51" s="15" t="s">
        <v>44</v>
      </c>
      <c r="G51" s="15"/>
      <c r="H51" s="23" t="s">
        <v>280</v>
      </c>
      <c r="I51" s="21" t="s">
        <v>57</v>
      </c>
      <c r="J51" s="15" t="s">
        <v>10</v>
      </c>
      <c r="K51" s="3"/>
      <c r="L51" s="23" t="s">
        <v>320</v>
      </c>
      <c r="M51" s="21" t="s">
        <v>170</v>
      </c>
      <c r="N51" s="15" t="s">
        <v>44</v>
      </c>
      <c r="O51" s="3"/>
      <c r="P51" s="23" t="s">
        <v>333</v>
      </c>
      <c r="Q51" s="21" t="s">
        <v>57</v>
      </c>
      <c r="R51" s="15" t="s">
        <v>10</v>
      </c>
      <c r="S51" s="19" t="s">
        <v>24</v>
      </c>
      <c r="T51" s="23" t="s">
        <v>362</v>
      </c>
    </row>
    <row r="52" spans="1:20" x14ac:dyDescent="0.2">
      <c r="A52" s="21" t="s">
        <v>143</v>
      </c>
      <c r="B52" s="15" t="s">
        <v>37</v>
      </c>
      <c r="C52" s="19" t="s">
        <v>45</v>
      </c>
      <c r="D52" s="23" t="s">
        <v>255</v>
      </c>
      <c r="E52" s="21" t="s">
        <v>171</v>
      </c>
      <c r="F52" s="15" t="s">
        <v>45</v>
      </c>
      <c r="G52" s="3"/>
      <c r="H52" s="23" t="s">
        <v>281</v>
      </c>
      <c r="I52" s="21" t="s">
        <v>143</v>
      </c>
      <c r="J52" s="15" t="s">
        <v>37</v>
      </c>
      <c r="K52" s="3"/>
      <c r="L52" s="23" t="s">
        <v>310</v>
      </c>
      <c r="M52" s="21" t="s">
        <v>171</v>
      </c>
      <c r="N52" s="15" t="s">
        <v>45</v>
      </c>
      <c r="O52" s="3"/>
      <c r="P52" s="23" t="s">
        <v>334</v>
      </c>
      <c r="Q52" s="21" t="s">
        <v>143</v>
      </c>
      <c r="R52" s="15" t="s">
        <v>37</v>
      </c>
      <c r="S52" s="3"/>
      <c r="T52" s="23" t="s">
        <v>365</v>
      </c>
    </row>
    <row r="53" spans="1:20" x14ac:dyDescent="0.2">
      <c r="A53" s="21" t="s">
        <v>144</v>
      </c>
      <c r="B53" s="15" t="s">
        <v>24</v>
      </c>
      <c r="C53" s="3"/>
      <c r="D53" s="23" t="s">
        <v>256</v>
      </c>
      <c r="E53" s="21" t="s">
        <v>172</v>
      </c>
      <c r="F53" s="15" t="s">
        <v>18</v>
      </c>
      <c r="G53" s="3"/>
      <c r="H53" s="23" t="s">
        <v>282</v>
      </c>
      <c r="I53" s="21" t="s">
        <v>144</v>
      </c>
      <c r="J53" s="15" t="s">
        <v>24</v>
      </c>
      <c r="K53" s="3"/>
      <c r="L53" s="23" t="s">
        <v>317</v>
      </c>
      <c r="M53" s="21" t="s">
        <v>172</v>
      </c>
      <c r="N53" s="15" t="s">
        <v>18</v>
      </c>
      <c r="O53" s="19" t="s">
        <v>17</v>
      </c>
      <c r="P53" s="23" t="s">
        <v>335</v>
      </c>
      <c r="Q53" s="21" t="s">
        <v>144</v>
      </c>
      <c r="R53" s="15" t="s">
        <v>24</v>
      </c>
      <c r="S53" s="3"/>
      <c r="T53" s="23" t="s">
        <v>364</v>
      </c>
    </row>
    <row r="54" spans="1:20" x14ac:dyDescent="0.2">
      <c r="A54" s="21" t="s">
        <v>145</v>
      </c>
      <c r="B54" s="15" t="s">
        <v>18</v>
      </c>
      <c r="C54" s="19" t="s">
        <v>7</v>
      </c>
      <c r="D54" s="23" t="s">
        <v>250</v>
      </c>
      <c r="E54" s="21" t="s">
        <v>173</v>
      </c>
      <c r="F54" s="15" t="s">
        <v>24</v>
      </c>
      <c r="G54" s="3"/>
      <c r="H54" s="23" t="s">
        <v>283</v>
      </c>
      <c r="I54" s="21" t="s">
        <v>145</v>
      </c>
      <c r="J54" s="15" t="s">
        <v>18</v>
      </c>
      <c r="K54" s="19" t="s">
        <v>17</v>
      </c>
      <c r="L54" s="23" t="s">
        <v>311</v>
      </c>
      <c r="M54" s="21" t="s">
        <v>173</v>
      </c>
      <c r="N54" s="15" t="s">
        <v>24</v>
      </c>
      <c r="O54" s="3"/>
      <c r="P54" s="23" t="s">
        <v>336</v>
      </c>
      <c r="Q54" s="21" t="s">
        <v>145</v>
      </c>
      <c r="R54" s="15" t="s">
        <v>18</v>
      </c>
      <c r="S54" s="19" t="s">
        <v>17</v>
      </c>
      <c r="T54" s="23" t="s">
        <v>368</v>
      </c>
    </row>
    <row r="55" spans="1:20" x14ac:dyDescent="0.2">
      <c r="A55" s="21" t="s">
        <v>146</v>
      </c>
      <c r="B55" s="15" t="s">
        <v>9</v>
      </c>
      <c r="C55" s="15" t="s">
        <v>18</v>
      </c>
      <c r="D55" s="23" t="s">
        <v>257</v>
      </c>
      <c r="E55" s="21" t="s">
        <v>174</v>
      </c>
      <c r="F55" s="15" t="s">
        <v>9</v>
      </c>
      <c r="G55" s="15"/>
      <c r="H55" s="23" t="s">
        <v>284</v>
      </c>
      <c r="I55" s="21" t="s">
        <v>146</v>
      </c>
      <c r="J55" s="15" t="s">
        <v>9</v>
      </c>
      <c r="K55" s="15"/>
      <c r="L55" s="23" t="s">
        <v>321</v>
      </c>
      <c r="M55" s="21" t="s">
        <v>174</v>
      </c>
      <c r="N55" s="15" t="s">
        <v>9</v>
      </c>
      <c r="O55" s="3"/>
      <c r="P55" s="23" t="s">
        <v>337</v>
      </c>
      <c r="Q55" s="21" t="s">
        <v>146</v>
      </c>
      <c r="R55" s="15" t="s">
        <v>9</v>
      </c>
      <c r="S55" s="3"/>
      <c r="T55" s="23" t="s">
        <v>369</v>
      </c>
    </row>
    <row r="56" spans="1:20" x14ac:dyDescent="0.2">
      <c r="A56" s="21" t="s">
        <v>147</v>
      </c>
      <c r="B56" s="15" t="s">
        <v>34</v>
      </c>
      <c r="C56" s="3"/>
      <c r="D56" s="23" t="s">
        <v>258</v>
      </c>
      <c r="E56" s="21" t="s">
        <v>175</v>
      </c>
      <c r="F56" s="15" t="s">
        <v>26</v>
      </c>
      <c r="G56" s="3"/>
      <c r="H56" s="23" t="s">
        <v>285</v>
      </c>
      <c r="I56" s="21" t="s">
        <v>147</v>
      </c>
      <c r="J56" s="15" t="s">
        <v>34</v>
      </c>
      <c r="K56" s="19"/>
      <c r="L56" s="23" t="s">
        <v>312</v>
      </c>
      <c r="M56" s="21" t="s">
        <v>175</v>
      </c>
      <c r="N56" s="15" t="s">
        <v>26</v>
      </c>
      <c r="O56" s="19" t="s">
        <v>34</v>
      </c>
      <c r="P56" s="23" t="s">
        <v>338</v>
      </c>
      <c r="Q56" s="21" t="s">
        <v>147</v>
      </c>
      <c r="R56" s="15" t="s">
        <v>34</v>
      </c>
      <c r="S56" s="19" t="s">
        <v>44</v>
      </c>
      <c r="T56" s="23" t="s">
        <v>370</v>
      </c>
    </row>
    <row r="57" spans="1:20" x14ac:dyDescent="0.2">
      <c r="A57" s="21" t="s">
        <v>148</v>
      </c>
      <c r="B57" s="15" t="s">
        <v>17</v>
      </c>
      <c r="C57" s="3"/>
      <c r="D57" s="23" t="s">
        <v>259</v>
      </c>
      <c r="E57" s="21" t="s">
        <v>176</v>
      </c>
      <c r="F57" s="15" t="s">
        <v>17</v>
      </c>
      <c r="G57" s="19" t="s">
        <v>14</v>
      </c>
      <c r="H57" s="23" t="s">
        <v>286</v>
      </c>
      <c r="I57" s="21" t="s">
        <v>148</v>
      </c>
      <c r="J57" s="15" t="s">
        <v>17</v>
      </c>
      <c r="K57" s="3"/>
      <c r="L57" s="23" t="s">
        <v>313</v>
      </c>
      <c r="M57" s="21" t="s">
        <v>176</v>
      </c>
      <c r="N57" s="15" t="s">
        <v>17</v>
      </c>
      <c r="O57" s="3"/>
      <c r="P57" s="23" t="s">
        <v>339</v>
      </c>
      <c r="Q57" s="21" t="s">
        <v>148</v>
      </c>
      <c r="R57" s="15" t="s">
        <v>17</v>
      </c>
      <c r="S57" s="3"/>
      <c r="T57" s="23" t="s">
        <v>366</v>
      </c>
    </row>
    <row r="58" spans="1:20" x14ac:dyDescent="0.2">
      <c r="A58" s="21" t="s">
        <v>149</v>
      </c>
      <c r="B58" s="15" t="s">
        <v>26</v>
      </c>
      <c r="C58" s="3"/>
      <c r="D58" s="23" t="s">
        <v>260</v>
      </c>
      <c r="E58" s="21" t="s">
        <v>177</v>
      </c>
      <c r="F58" s="15" t="s">
        <v>34</v>
      </c>
      <c r="G58" s="3"/>
      <c r="H58" s="23" t="s">
        <v>287</v>
      </c>
      <c r="I58" s="21" t="s">
        <v>149</v>
      </c>
      <c r="J58" s="15" t="s">
        <v>26</v>
      </c>
      <c r="K58" s="3"/>
      <c r="L58" s="23" t="s">
        <v>314</v>
      </c>
      <c r="M58" s="21" t="s">
        <v>177</v>
      </c>
      <c r="N58" s="15" t="s">
        <v>34</v>
      </c>
      <c r="O58" s="19" t="s">
        <v>21</v>
      </c>
      <c r="P58" s="24" t="s">
        <v>378</v>
      </c>
      <c r="Q58" s="21" t="s">
        <v>149</v>
      </c>
      <c r="R58" s="15" t="s">
        <v>26</v>
      </c>
      <c r="S58" s="19"/>
      <c r="T58" s="23" t="s">
        <v>367</v>
      </c>
    </row>
    <row r="59" spans="1:20" x14ac:dyDescent="0.2">
      <c r="A59" s="21" t="s">
        <v>150</v>
      </c>
      <c r="B59" s="15" t="s">
        <v>25</v>
      </c>
      <c r="C59" s="19" t="s">
        <v>5</v>
      </c>
      <c r="D59" s="23" t="s">
        <v>261</v>
      </c>
      <c r="E59" s="21" t="s">
        <v>178</v>
      </c>
      <c r="F59" s="15" t="s">
        <v>25</v>
      </c>
      <c r="G59" s="19" t="s">
        <v>11</v>
      </c>
      <c r="H59" s="23" t="s">
        <v>288</v>
      </c>
      <c r="I59" s="21" t="s">
        <v>150</v>
      </c>
      <c r="J59" s="15" t="s">
        <v>25</v>
      </c>
      <c r="K59" s="19" t="s">
        <v>11</v>
      </c>
      <c r="L59" s="23" t="s">
        <v>315</v>
      </c>
      <c r="M59" s="21" t="s">
        <v>178</v>
      </c>
      <c r="N59" s="15" t="s">
        <v>25</v>
      </c>
      <c r="O59" s="3"/>
      <c r="P59" s="23" t="s">
        <v>342</v>
      </c>
      <c r="Q59" s="21" t="s">
        <v>150</v>
      </c>
      <c r="R59" s="15" t="s">
        <v>25</v>
      </c>
      <c r="S59" s="3"/>
      <c r="T59" s="23" t="s">
        <v>375</v>
      </c>
    </row>
    <row r="60" spans="1:20" x14ac:dyDescent="0.2">
      <c r="A60" s="21" t="s">
        <v>151</v>
      </c>
      <c r="B60" s="15" t="s">
        <v>39</v>
      </c>
      <c r="C60" s="3"/>
      <c r="D60" s="23" t="s">
        <v>262</v>
      </c>
      <c r="E60" s="21" t="s">
        <v>179</v>
      </c>
      <c r="F60" s="15" t="s">
        <v>8</v>
      </c>
      <c r="G60" s="19" t="s">
        <v>14</v>
      </c>
      <c r="H60" s="23" t="s">
        <v>289</v>
      </c>
      <c r="I60" s="21" t="s">
        <v>151</v>
      </c>
      <c r="J60" s="15" t="s">
        <v>39</v>
      </c>
      <c r="K60" s="3"/>
      <c r="L60" s="23" t="s">
        <v>316</v>
      </c>
      <c r="M60" s="21" t="s">
        <v>179</v>
      </c>
      <c r="N60" s="15" t="s">
        <v>8</v>
      </c>
      <c r="O60" s="19" t="s">
        <v>14</v>
      </c>
      <c r="P60" s="23" t="s">
        <v>353</v>
      </c>
      <c r="Q60" s="21" t="s">
        <v>151</v>
      </c>
      <c r="R60" s="15" t="s">
        <v>39</v>
      </c>
      <c r="S60" s="3"/>
      <c r="T60" s="23" t="s">
        <v>380</v>
      </c>
    </row>
    <row r="61" spans="1:20" x14ac:dyDescent="0.2">
      <c r="A61" s="21" t="s">
        <v>152</v>
      </c>
      <c r="B61" s="15" t="s">
        <v>8</v>
      </c>
      <c r="C61" s="19" t="s">
        <v>14</v>
      </c>
      <c r="D61" s="23" t="s">
        <v>263</v>
      </c>
      <c r="E61" s="21" t="s">
        <v>180</v>
      </c>
      <c r="F61" s="15" t="s">
        <v>39</v>
      </c>
      <c r="G61" s="3"/>
      <c r="H61" s="23" t="s">
        <v>299</v>
      </c>
      <c r="I61" s="21" t="s">
        <v>152</v>
      </c>
      <c r="J61" s="15" t="s">
        <v>8</v>
      </c>
      <c r="K61" s="19" t="s">
        <v>14</v>
      </c>
      <c r="L61" s="23" t="s">
        <v>318</v>
      </c>
      <c r="M61" s="21" t="s">
        <v>180</v>
      </c>
      <c r="N61" s="15" t="s">
        <v>39</v>
      </c>
      <c r="O61" s="3"/>
      <c r="P61" s="23" t="s">
        <v>349</v>
      </c>
      <c r="Q61" s="21" t="s">
        <v>152</v>
      </c>
      <c r="R61" s="15" t="s">
        <v>8</v>
      </c>
      <c r="S61" s="19" t="s">
        <v>14</v>
      </c>
      <c r="T61" s="23" t="s">
        <v>372</v>
      </c>
    </row>
    <row r="62" spans="1:20" x14ac:dyDescent="0.2">
      <c r="A62" s="21" t="s">
        <v>153</v>
      </c>
      <c r="B62" s="15" t="s">
        <v>11</v>
      </c>
      <c r="C62" s="3"/>
      <c r="D62" s="23" t="s">
        <v>264</v>
      </c>
      <c r="E62" s="21" t="s">
        <v>181</v>
      </c>
      <c r="F62" s="15" t="s">
        <v>11</v>
      </c>
      <c r="G62" s="20" t="s">
        <v>10</v>
      </c>
      <c r="H62" s="23" t="s">
        <v>295</v>
      </c>
      <c r="I62" s="21" t="s">
        <v>153</v>
      </c>
      <c r="J62" s="15" t="s">
        <v>11</v>
      </c>
      <c r="K62" s="3"/>
      <c r="L62" s="23" t="s">
        <v>319</v>
      </c>
      <c r="M62" s="21" t="s">
        <v>181</v>
      </c>
      <c r="N62" s="15" t="s">
        <v>11</v>
      </c>
      <c r="O62" s="19"/>
      <c r="P62" s="23" t="s">
        <v>344</v>
      </c>
      <c r="Q62" s="21" t="s">
        <v>153</v>
      </c>
      <c r="R62" s="15" t="s">
        <v>11</v>
      </c>
      <c r="S62" s="20" t="s">
        <v>37</v>
      </c>
      <c r="T62" s="23" t="s">
        <v>371</v>
      </c>
    </row>
    <row r="63" spans="1:20" x14ac:dyDescent="0.2">
      <c r="A63" s="21" t="s">
        <v>154</v>
      </c>
      <c r="B63" s="15" t="s">
        <v>42</v>
      </c>
      <c r="C63" s="15" t="s">
        <v>9</v>
      </c>
      <c r="D63" s="23" t="s">
        <v>265</v>
      </c>
      <c r="E63" s="21" t="s">
        <v>182</v>
      </c>
      <c r="F63" s="15" t="s">
        <v>42</v>
      </c>
      <c r="G63" s="15" t="s">
        <v>8</v>
      </c>
      <c r="H63" s="23" t="s">
        <v>291</v>
      </c>
      <c r="I63" s="21" t="s">
        <v>154</v>
      </c>
      <c r="J63" s="15" t="s">
        <v>42</v>
      </c>
      <c r="K63" s="15" t="s">
        <v>26</v>
      </c>
      <c r="L63" s="23" t="s">
        <v>322</v>
      </c>
      <c r="M63" s="21" t="s">
        <v>182</v>
      </c>
      <c r="N63" s="15" t="s">
        <v>42</v>
      </c>
      <c r="O63" s="15" t="s">
        <v>14</v>
      </c>
      <c r="P63" s="23" t="s">
        <v>340</v>
      </c>
      <c r="Q63" s="21" t="s">
        <v>154</v>
      </c>
      <c r="R63" s="15" t="s">
        <v>42</v>
      </c>
      <c r="S63" s="15" t="s">
        <v>5</v>
      </c>
      <c r="T63" s="23" t="s">
        <v>374</v>
      </c>
    </row>
    <row r="64" spans="1:20" x14ac:dyDescent="0.2">
      <c r="A64" s="21" t="s">
        <v>155</v>
      </c>
      <c r="B64" s="15" t="s">
        <v>5</v>
      </c>
      <c r="C64" s="3"/>
      <c r="D64" s="23" t="s">
        <v>269</v>
      </c>
      <c r="E64" s="21" t="s">
        <v>183</v>
      </c>
      <c r="F64" s="15" t="s">
        <v>5</v>
      </c>
      <c r="G64" s="17"/>
      <c r="H64" s="23" t="s">
        <v>292</v>
      </c>
      <c r="I64" s="21" t="s">
        <v>155</v>
      </c>
      <c r="J64" s="15" t="s">
        <v>5</v>
      </c>
      <c r="K64" s="17"/>
      <c r="L64" s="23" t="s">
        <v>324</v>
      </c>
      <c r="M64" s="21" t="s">
        <v>183</v>
      </c>
      <c r="N64" s="15" t="s">
        <v>5</v>
      </c>
      <c r="O64" s="19"/>
      <c r="P64" s="23" t="s">
        <v>341</v>
      </c>
      <c r="Q64" s="21" t="s">
        <v>155</v>
      </c>
      <c r="R64" s="15" t="s">
        <v>5</v>
      </c>
      <c r="S64" s="3"/>
      <c r="T64" s="23" t="s">
        <v>379</v>
      </c>
    </row>
    <row r="65" spans="1:20" x14ac:dyDescent="0.2">
      <c r="A65" s="21" t="s">
        <v>156</v>
      </c>
      <c r="B65" s="15" t="s">
        <v>22</v>
      </c>
      <c r="C65" s="3"/>
      <c r="D65" s="23" t="s">
        <v>266</v>
      </c>
      <c r="E65" s="21" t="s">
        <v>184</v>
      </c>
      <c r="F65" s="15" t="s">
        <v>22</v>
      </c>
      <c r="G65" s="3"/>
      <c r="H65" s="23" t="s">
        <v>293</v>
      </c>
      <c r="I65" s="21" t="s">
        <v>156</v>
      </c>
      <c r="J65" s="15" t="s">
        <v>22</v>
      </c>
      <c r="K65" s="3"/>
      <c r="L65" s="23" t="s">
        <v>323</v>
      </c>
      <c r="M65" s="21" t="s">
        <v>184</v>
      </c>
      <c r="N65" s="15" t="s">
        <v>22</v>
      </c>
      <c r="O65" s="3"/>
      <c r="P65" s="23" t="s">
        <v>343</v>
      </c>
      <c r="Q65" s="21" t="s">
        <v>156</v>
      </c>
      <c r="R65" s="15" t="s">
        <v>22</v>
      </c>
      <c r="S65" s="3"/>
      <c r="T65" s="23" t="s">
        <v>373</v>
      </c>
    </row>
    <row r="66" spans="1:20" x14ac:dyDescent="0.2">
      <c r="A66" s="21" t="s">
        <v>157</v>
      </c>
      <c r="B66" s="15" t="s">
        <v>6</v>
      </c>
      <c r="C66" s="19" t="s">
        <v>21</v>
      </c>
      <c r="D66" s="23" t="s">
        <v>267</v>
      </c>
      <c r="E66" s="21" t="s">
        <v>185</v>
      </c>
      <c r="F66" s="15" t="s">
        <v>6</v>
      </c>
      <c r="G66" s="19" t="s">
        <v>26</v>
      </c>
      <c r="H66" s="23" t="s">
        <v>298</v>
      </c>
      <c r="I66" s="21" t="s">
        <v>157</v>
      </c>
      <c r="J66" s="15" t="s">
        <v>6</v>
      </c>
      <c r="K66" s="19" t="s">
        <v>26</v>
      </c>
      <c r="L66" s="23" t="s">
        <v>297</v>
      </c>
      <c r="M66" s="21" t="s">
        <v>185</v>
      </c>
      <c r="N66" s="15" t="s">
        <v>6</v>
      </c>
      <c r="O66" s="3"/>
      <c r="P66" s="23" t="s">
        <v>345</v>
      </c>
      <c r="Q66" s="21" t="s">
        <v>157</v>
      </c>
      <c r="R66" s="15" t="s">
        <v>6</v>
      </c>
      <c r="S66" s="3"/>
      <c r="T66" s="23" t="s">
        <v>376</v>
      </c>
    </row>
    <row r="67" spans="1:20" x14ac:dyDescent="0.2">
      <c r="A67" s="21" t="s">
        <v>158</v>
      </c>
      <c r="B67" s="15" t="s">
        <v>23</v>
      </c>
      <c r="C67" s="3"/>
      <c r="D67" s="23" t="s">
        <v>268</v>
      </c>
      <c r="E67" s="21" t="s">
        <v>186</v>
      </c>
      <c r="F67" s="15" t="s">
        <v>23</v>
      </c>
      <c r="G67" s="19"/>
      <c r="H67" s="23" t="s">
        <v>290</v>
      </c>
      <c r="I67" s="21" t="s">
        <v>158</v>
      </c>
      <c r="J67" s="15" t="s">
        <v>23</v>
      </c>
      <c r="K67" s="19"/>
      <c r="L67" s="23" t="s">
        <v>347</v>
      </c>
      <c r="M67" s="21" t="s">
        <v>186</v>
      </c>
      <c r="N67" s="15" t="s">
        <v>23</v>
      </c>
      <c r="O67" s="3"/>
      <c r="P67" s="23" t="s">
        <v>348</v>
      </c>
      <c r="Q67" s="21" t="s">
        <v>158</v>
      </c>
      <c r="R67" s="15" t="s">
        <v>23</v>
      </c>
      <c r="S67" s="3"/>
      <c r="T67" s="24" t="s">
        <v>378</v>
      </c>
    </row>
    <row r="68" spans="1:20" x14ac:dyDescent="0.2">
      <c r="A68" s="4"/>
      <c r="H68" s="3"/>
    </row>
    <row r="69" spans="1:20" x14ac:dyDescent="0.2">
      <c r="A69" s="4"/>
    </row>
    <row r="70" spans="1:20" x14ac:dyDescent="0.2">
      <c r="A70" s="8"/>
      <c r="B70" s="20"/>
      <c r="C70" s="15"/>
      <c r="D70" s="15"/>
      <c r="E70" s="15"/>
      <c r="F70" s="16"/>
      <c r="G70" s="15"/>
      <c r="H70" s="15"/>
      <c r="I70" s="15"/>
      <c r="J70" s="15"/>
      <c r="K70" s="15"/>
    </row>
    <row r="71" spans="1:20" x14ac:dyDescent="0.2">
      <c r="A71" s="8"/>
      <c r="B71" s="15"/>
      <c r="C71" s="15"/>
      <c r="D71" s="15"/>
      <c r="E71" s="15"/>
      <c r="F71" s="16"/>
      <c r="G71" s="15"/>
      <c r="H71" s="15"/>
      <c r="I71" s="15"/>
      <c r="J71" s="15"/>
      <c r="K71" s="15"/>
    </row>
    <row r="72" spans="1:20" x14ac:dyDescent="0.2">
      <c r="A72" s="8"/>
      <c r="B72" s="15"/>
      <c r="C72" s="15"/>
      <c r="D72" s="15"/>
      <c r="E72" s="15"/>
      <c r="F72" s="16"/>
      <c r="G72" s="15"/>
      <c r="H72" s="15"/>
      <c r="I72" s="15"/>
      <c r="J72" s="15"/>
      <c r="K72" s="15"/>
    </row>
    <row r="73" spans="1:20" x14ac:dyDescent="0.2">
      <c r="A73" s="4"/>
      <c r="B73" s="15"/>
      <c r="C73" s="15"/>
      <c r="D73" s="15"/>
      <c r="E73" s="17"/>
      <c r="F73" s="16"/>
      <c r="G73" s="15"/>
      <c r="H73" s="18"/>
      <c r="I73" s="15"/>
      <c r="J73" s="15"/>
      <c r="K73" s="15"/>
    </row>
    <row r="74" spans="1:20" x14ac:dyDescent="0.2">
      <c r="A74" s="4"/>
      <c r="B74" s="15"/>
      <c r="C74" s="17"/>
      <c r="D74" s="15"/>
      <c r="E74" s="15"/>
      <c r="F74" s="16"/>
      <c r="G74" s="15"/>
      <c r="H74" s="18"/>
      <c r="I74" s="15"/>
      <c r="J74" s="15"/>
      <c r="K74" s="15"/>
    </row>
    <row r="75" spans="1:20" x14ac:dyDescent="0.2">
      <c r="A75" s="5"/>
      <c r="B75" s="15"/>
      <c r="C75" s="15"/>
      <c r="D75" s="15"/>
      <c r="E75" s="15"/>
      <c r="F75" s="16"/>
      <c r="G75" s="15"/>
      <c r="H75" s="15"/>
      <c r="I75" s="15"/>
      <c r="J75" s="15"/>
      <c r="K75" s="15"/>
    </row>
    <row r="76" spans="1:20" x14ac:dyDescent="0.2">
      <c r="A76" s="5"/>
      <c r="B76" s="15"/>
      <c r="C76" s="15"/>
      <c r="D76" s="15"/>
      <c r="E76" s="15"/>
      <c r="F76" s="16"/>
      <c r="G76" s="15"/>
      <c r="H76" s="15"/>
      <c r="I76" s="15"/>
      <c r="J76" s="15"/>
      <c r="K76" s="15"/>
    </row>
    <row r="77" spans="1:20" x14ac:dyDescent="0.2">
      <c r="A77" s="5"/>
      <c r="B77" s="15"/>
      <c r="C77" s="15"/>
      <c r="D77" s="15"/>
      <c r="E77" s="15"/>
      <c r="F77" s="16"/>
      <c r="G77" s="15"/>
      <c r="H77" s="15"/>
      <c r="I77" s="15"/>
      <c r="J77" s="15"/>
      <c r="K77" s="15"/>
    </row>
    <row r="78" spans="1:20" x14ac:dyDescent="0.2">
      <c r="A78"/>
      <c r="B78" s="15"/>
      <c r="C78" s="15"/>
      <c r="D78" s="15"/>
      <c r="E78" s="15"/>
      <c r="F78" s="16"/>
      <c r="G78" s="15"/>
      <c r="H78" s="15"/>
      <c r="I78" s="15"/>
      <c r="J78" s="15"/>
      <c r="K78" s="15"/>
    </row>
    <row r="79" spans="1:20" x14ac:dyDescent="0.2">
      <c r="A79"/>
      <c r="B79" s="15"/>
      <c r="C79" s="15"/>
      <c r="D79" s="15"/>
      <c r="E79" s="15"/>
      <c r="F79" s="16"/>
      <c r="G79" s="15"/>
      <c r="H79" s="15"/>
      <c r="I79" s="15"/>
      <c r="J79" s="15"/>
      <c r="K79" s="15"/>
    </row>
    <row r="80" spans="1:20" x14ac:dyDescent="0.2">
      <c r="A80"/>
      <c r="B80" s="15"/>
      <c r="C80" s="15"/>
      <c r="D80" s="15"/>
      <c r="E80" s="15"/>
      <c r="F80" s="16"/>
      <c r="G80" s="15"/>
      <c r="H80" s="15"/>
      <c r="I80" s="15"/>
      <c r="J80" s="15"/>
      <c r="K80" s="15"/>
    </row>
    <row r="81" spans="1:11" x14ac:dyDescent="0.2">
      <c r="A81"/>
      <c r="B81" s="15"/>
      <c r="C81" s="15"/>
      <c r="D81" s="15"/>
      <c r="E81" s="15"/>
      <c r="F81" s="16"/>
      <c r="G81" s="15"/>
      <c r="H81" s="15"/>
      <c r="I81" s="15"/>
      <c r="J81" s="15"/>
      <c r="K81" s="15"/>
    </row>
    <row r="82" spans="1:11" x14ac:dyDescent="0.2">
      <c r="A82"/>
      <c r="B82" s="15"/>
      <c r="C82" s="15"/>
      <c r="D82" s="15"/>
      <c r="E82" s="15"/>
      <c r="F82" s="16"/>
      <c r="G82" s="15"/>
      <c r="H82" s="15"/>
      <c r="I82" s="15"/>
      <c r="J82" s="15"/>
      <c r="K82" s="15"/>
    </row>
    <row r="83" spans="1:11" x14ac:dyDescent="0.2">
      <c r="A83"/>
      <c r="B83" s="15"/>
      <c r="C83" s="15"/>
      <c r="D83" s="15"/>
      <c r="E83" s="15"/>
      <c r="F83" s="16"/>
      <c r="G83" s="15"/>
      <c r="H83" s="15"/>
      <c r="I83" s="15"/>
      <c r="J83" s="15"/>
      <c r="K83" s="15"/>
    </row>
    <row r="84" spans="1:11" x14ac:dyDescent="0.2">
      <c r="A84"/>
      <c r="B84" s="15"/>
      <c r="C84" s="15"/>
      <c r="D84" s="15"/>
      <c r="E84" s="15"/>
      <c r="F84" s="16"/>
      <c r="G84" s="15"/>
      <c r="H84" s="15"/>
      <c r="I84" s="15"/>
      <c r="J84" s="15"/>
      <c r="K84" s="15"/>
    </row>
    <row r="85" spans="1:11" x14ac:dyDescent="0.2">
      <c r="A85"/>
      <c r="B85" s="15"/>
      <c r="C85" s="15"/>
      <c r="D85" s="15"/>
      <c r="E85" s="15"/>
      <c r="F85" s="16"/>
      <c r="G85" s="15"/>
      <c r="H85" s="15"/>
      <c r="I85" s="15"/>
      <c r="J85" s="15"/>
      <c r="K85" s="15"/>
    </row>
    <row r="86" spans="1:11" x14ac:dyDescent="0.2">
      <c r="A86"/>
      <c r="B86" s="15"/>
      <c r="C86" s="15"/>
      <c r="D86" s="15"/>
      <c r="E86" s="15"/>
      <c r="F86" s="16"/>
      <c r="G86" s="15"/>
      <c r="H86" s="15"/>
      <c r="I86" s="15"/>
      <c r="J86" s="15"/>
      <c r="K86" s="15"/>
    </row>
    <row r="87" spans="1:11" x14ac:dyDescent="0.2">
      <c r="B87" s="15"/>
      <c r="C87" s="15"/>
      <c r="D87" s="15"/>
      <c r="E87" s="15"/>
      <c r="F87" s="15"/>
      <c r="G87" s="15"/>
      <c r="H87" s="15"/>
      <c r="I87" s="15"/>
      <c r="J87" s="15"/>
      <c r="K87" s="15"/>
    </row>
    <row r="88" spans="1:11" x14ac:dyDescent="0.2">
      <c r="B88" s="15"/>
      <c r="C88" s="15"/>
      <c r="D88" s="15"/>
      <c r="E88" s="15"/>
      <c r="F88" s="16"/>
      <c r="G88" s="15"/>
      <c r="H88" s="15"/>
      <c r="I88" s="15"/>
      <c r="J88" s="15"/>
      <c r="K88" s="15"/>
    </row>
    <row r="89" spans="1:11" x14ac:dyDescent="0.2">
      <c r="B89" s="15"/>
      <c r="C89" s="15"/>
      <c r="D89" s="15"/>
      <c r="E89" s="15"/>
      <c r="F89" s="16"/>
      <c r="G89" s="15"/>
      <c r="H89" s="15"/>
      <c r="I89" s="15"/>
      <c r="J89" s="15"/>
      <c r="K89" s="15"/>
    </row>
    <row r="90" spans="1:11" x14ac:dyDescent="0.2">
      <c r="B90" s="15"/>
      <c r="C90" s="15"/>
      <c r="D90" s="15"/>
      <c r="E90" s="15"/>
      <c r="F90" s="16"/>
      <c r="G90" s="15"/>
      <c r="H90" s="15"/>
      <c r="I90" s="15"/>
      <c r="J90" s="15"/>
      <c r="K90" s="15"/>
    </row>
    <row r="91" spans="1:11" x14ac:dyDescent="0.2">
      <c r="B91" s="15"/>
      <c r="C91" s="15"/>
      <c r="D91" s="15"/>
      <c r="E91" s="15"/>
      <c r="F91" s="16"/>
      <c r="G91" s="15"/>
      <c r="H91" s="15"/>
      <c r="I91" s="15"/>
      <c r="J91" s="15"/>
      <c r="K91" s="15"/>
    </row>
    <row r="92" spans="1:11" x14ac:dyDescent="0.2">
      <c r="B92" s="15"/>
      <c r="C92" s="15"/>
      <c r="D92" s="15"/>
      <c r="E92" s="15"/>
      <c r="F92" s="16"/>
      <c r="G92" s="15"/>
      <c r="H92" s="15"/>
      <c r="I92" s="15"/>
      <c r="J92" s="15"/>
      <c r="K92" s="15"/>
    </row>
    <row r="93" spans="1:11" x14ac:dyDescent="0.2">
      <c r="B93" s="15"/>
      <c r="C93" s="15"/>
      <c r="D93" s="15"/>
      <c r="E93" s="15"/>
      <c r="F93" s="16"/>
      <c r="G93" s="15"/>
      <c r="H93" s="15"/>
      <c r="I93" s="15"/>
      <c r="J93" s="15"/>
      <c r="K93" s="15"/>
    </row>
    <row r="94" spans="1:11" x14ac:dyDescent="0.2">
      <c r="B94" s="15"/>
      <c r="C94" s="15"/>
      <c r="D94" s="15"/>
      <c r="E94" s="15"/>
      <c r="F94" s="16"/>
      <c r="G94" s="15"/>
      <c r="H94" s="15"/>
      <c r="I94" s="15"/>
      <c r="J94" s="15"/>
      <c r="K94" s="15"/>
    </row>
    <row r="95" spans="1:11" x14ac:dyDescent="0.2">
      <c r="B95" s="15"/>
      <c r="C95" s="15"/>
      <c r="D95" s="15"/>
      <c r="E95" s="15"/>
      <c r="F95" s="16"/>
      <c r="G95" s="15"/>
      <c r="H95" s="15"/>
      <c r="I95" s="15"/>
      <c r="J95" s="15"/>
      <c r="K95" s="15"/>
    </row>
    <row r="96" spans="1:11" x14ac:dyDescent="0.2">
      <c r="B96" s="15"/>
      <c r="C96" s="15"/>
      <c r="D96" s="15"/>
      <c r="E96" s="15"/>
      <c r="F96" s="16"/>
      <c r="G96" s="15"/>
      <c r="H96" s="15"/>
      <c r="I96" s="15"/>
      <c r="J96" s="15"/>
      <c r="K96" s="15"/>
    </row>
    <row r="97" spans="2:11" x14ac:dyDescent="0.2">
      <c r="B97" s="15"/>
      <c r="C97" s="15"/>
      <c r="D97" s="15"/>
      <c r="E97" s="15"/>
      <c r="F97" s="16"/>
      <c r="G97" s="15"/>
      <c r="H97" s="15"/>
      <c r="I97" s="15"/>
      <c r="J97" s="15"/>
      <c r="K97" s="15"/>
    </row>
    <row r="98" spans="2:11" x14ac:dyDescent="0.2">
      <c r="B98" s="15"/>
      <c r="C98" s="15"/>
      <c r="D98" s="15"/>
      <c r="E98" s="15"/>
      <c r="F98" s="16"/>
      <c r="G98" s="15"/>
      <c r="H98" s="15"/>
      <c r="I98" s="15"/>
      <c r="J98" s="15"/>
      <c r="K98" s="15"/>
    </row>
    <row r="99" spans="2:11" x14ac:dyDescent="0.2">
      <c r="B99" s="15"/>
      <c r="C99" s="15"/>
      <c r="D99" s="15"/>
      <c r="E99" s="15"/>
      <c r="F99" s="16"/>
      <c r="G99" s="15"/>
      <c r="H99" s="15"/>
      <c r="I99" s="15"/>
      <c r="J99" s="15"/>
      <c r="K99" s="15"/>
    </row>
    <row r="100" spans="2:11" x14ac:dyDescent="0.2">
      <c r="B100" s="17" t="s">
        <v>38</v>
      </c>
      <c r="C100" s="15"/>
      <c r="D100" s="15"/>
      <c r="E100" s="15"/>
      <c r="F100" s="16"/>
      <c r="G100" s="15"/>
      <c r="H100" s="15"/>
      <c r="I100" s="15"/>
      <c r="J100" s="15"/>
      <c r="K100" s="15"/>
    </row>
    <row r="101" spans="2:11" x14ac:dyDescent="0.2">
      <c r="B101" s="15"/>
      <c r="C101" s="15" t="s">
        <v>35</v>
      </c>
      <c r="D101" s="15" t="s">
        <v>36</v>
      </c>
      <c r="E101" s="15"/>
      <c r="F101" s="16"/>
      <c r="G101" s="15"/>
      <c r="H101" s="15"/>
      <c r="I101" s="15"/>
      <c r="J101" s="15"/>
      <c r="K101" s="15"/>
    </row>
    <row r="102" spans="2:11" x14ac:dyDescent="0.2">
      <c r="B102" s="15"/>
      <c r="C102" s="15"/>
      <c r="D102" s="15"/>
      <c r="E102" s="15"/>
      <c r="F102" s="16"/>
      <c r="G102" s="15"/>
      <c r="H102" s="15"/>
      <c r="I102" s="15"/>
      <c r="J102" s="15"/>
      <c r="K102" s="15"/>
    </row>
    <row r="103" spans="2:11" x14ac:dyDescent="0.2">
      <c r="B103" s="15"/>
      <c r="C103" s="17"/>
      <c r="D103" s="15"/>
      <c r="E103" s="15"/>
      <c r="F103" s="16"/>
      <c r="G103" s="15"/>
      <c r="H103" s="15"/>
      <c r="I103" s="15"/>
      <c r="J103" s="15"/>
      <c r="K103" s="15"/>
    </row>
    <row r="104" spans="2:11" x14ac:dyDescent="0.2">
      <c r="B104" s="15"/>
      <c r="C104" s="17"/>
      <c r="D104" s="15"/>
      <c r="E104" s="15"/>
      <c r="F104" s="16"/>
      <c r="G104" s="15"/>
      <c r="H104" s="15"/>
      <c r="I104" s="15"/>
      <c r="J104" s="15"/>
      <c r="K104" s="15"/>
    </row>
    <row r="105" spans="2:11" x14ac:dyDescent="0.2">
      <c r="B105" s="15"/>
      <c r="C105" s="17"/>
      <c r="D105" s="15"/>
      <c r="E105" s="15"/>
      <c r="F105" s="16"/>
      <c r="G105" s="15"/>
      <c r="H105" s="15"/>
      <c r="I105" s="15"/>
      <c r="J105" s="15"/>
      <c r="K105" s="15"/>
    </row>
    <row r="106" spans="2:11" x14ac:dyDescent="0.2">
      <c r="B106" s="15"/>
      <c r="C106" s="17"/>
      <c r="D106" s="15"/>
      <c r="E106" s="15"/>
      <c r="F106" s="16"/>
      <c r="G106" s="15"/>
      <c r="H106" s="15"/>
      <c r="I106" s="15"/>
      <c r="J106" s="15"/>
      <c r="K106" s="15"/>
    </row>
    <row r="107" spans="2:11" x14ac:dyDescent="0.2">
      <c r="B107" s="15"/>
      <c r="C107" s="17"/>
      <c r="D107" s="15"/>
      <c r="E107" s="15"/>
      <c r="F107" s="16"/>
      <c r="G107" s="15"/>
      <c r="H107" s="15"/>
      <c r="I107" s="15"/>
      <c r="J107" s="15"/>
      <c r="K107" s="15"/>
    </row>
    <row r="108" spans="2:11" x14ac:dyDescent="0.2">
      <c r="B108" s="15"/>
      <c r="C108" s="15"/>
      <c r="D108" s="15"/>
      <c r="E108" s="15"/>
      <c r="F108" s="16"/>
      <c r="G108" s="15"/>
      <c r="H108" s="15"/>
      <c r="I108" s="15"/>
      <c r="J108" s="15"/>
      <c r="K108" s="15"/>
    </row>
    <row r="109" spans="2:11" x14ac:dyDescent="0.2">
      <c r="B109" s="15"/>
      <c r="C109" s="17"/>
      <c r="D109" s="15"/>
      <c r="E109" s="15"/>
      <c r="F109" s="16"/>
      <c r="G109" s="15"/>
      <c r="H109" s="15"/>
      <c r="I109" s="15"/>
      <c r="J109" s="15"/>
      <c r="K109" s="15"/>
    </row>
    <row r="110" spans="2:11" x14ac:dyDescent="0.2">
      <c r="B110" s="15"/>
      <c r="C110" s="17"/>
      <c r="D110" s="15"/>
      <c r="E110" s="15"/>
      <c r="F110" s="16"/>
      <c r="G110" s="15"/>
      <c r="H110" s="15"/>
      <c r="I110" s="15"/>
      <c r="J110" s="15"/>
      <c r="K110" s="15"/>
    </row>
    <row r="111" spans="2:11" x14ac:dyDescent="0.2">
      <c r="B111" s="15"/>
      <c r="C111" s="15"/>
      <c r="D111" s="15"/>
      <c r="E111" s="15"/>
      <c r="F111" s="16"/>
      <c r="G111" s="15"/>
      <c r="H111" s="15"/>
      <c r="I111" s="15"/>
      <c r="J111" s="15"/>
      <c r="K111" s="15"/>
    </row>
    <row r="112" spans="2:11" x14ac:dyDescent="0.2">
      <c r="B112" s="15"/>
      <c r="C112" s="17"/>
      <c r="D112" s="15"/>
      <c r="E112" s="15"/>
      <c r="F112" s="16"/>
      <c r="G112" s="15"/>
      <c r="H112" s="15"/>
      <c r="I112" s="15"/>
      <c r="J112" s="15"/>
      <c r="K112" s="15"/>
    </row>
    <row r="113" spans="2:11" x14ac:dyDescent="0.2">
      <c r="B113" s="15"/>
      <c r="C113" s="17"/>
      <c r="D113" s="15"/>
      <c r="E113" s="15"/>
      <c r="F113" s="16"/>
      <c r="G113" s="15"/>
      <c r="H113" s="15"/>
      <c r="I113" s="15"/>
      <c r="J113" s="15"/>
      <c r="K113" s="15"/>
    </row>
    <row r="114" spans="2:11" x14ac:dyDescent="0.2">
      <c r="B114" s="15"/>
      <c r="C114" s="17"/>
      <c r="D114" s="15"/>
      <c r="E114" s="15"/>
      <c r="F114" s="16"/>
      <c r="G114" s="15"/>
      <c r="H114" s="15"/>
      <c r="I114" s="15"/>
      <c r="J114" s="15"/>
      <c r="K114" s="15"/>
    </row>
    <row r="115" spans="2:11" x14ac:dyDescent="0.2">
      <c r="B115" s="15"/>
      <c r="C115" s="15"/>
      <c r="D115" s="15"/>
      <c r="E115" s="15"/>
      <c r="F115" s="16"/>
      <c r="G115" s="15"/>
      <c r="H115" s="15"/>
      <c r="I115" s="15"/>
      <c r="J115" s="15"/>
      <c r="K115" s="15"/>
    </row>
    <row r="116" spans="2:11" x14ac:dyDescent="0.2">
      <c r="B116" s="15"/>
      <c r="C116" s="17"/>
      <c r="D116" s="15"/>
      <c r="E116" s="15"/>
      <c r="F116" s="16"/>
      <c r="G116" s="15"/>
      <c r="H116" s="15"/>
      <c r="I116" s="15"/>
      <c r="J116" s="15"/>
      <c r="K116" s="15"/>
    </row>
    <row r="117" spans="2:11" x14ac:dyDescent="0.2">
      <c r="B117" s="15"/>
      <c r="C117" s="17"/>
      <c r="D117" s="15"/>
      <c r="E117" s="15"/>
      <c r="F117" s="16"/>
      <c r="G117" s="15"/>
      <c r="H117" s="15"/>
      <c r="I117" s="15"/>
      <c r="J117" s="15"/>
      <c r="K117" s="15"/>
    </row>
    <row r="118" spans="2:11" x14ac:dyDescent="0.2">
      <c r="B118" s="15"/>
      <c r="C118" s="17"/>
      <c r="D118" s="15"/>
      <c r="E118" s="15"/>
      <c r="F118" s="16"/>
      <c r="G118" s="15"/>
      <c r="H118" s="15"/>
      <c r="I118" s="15"/>
      <c r="J118" s="15"/>
      <c r="K118" s="15"/>
    </row>
    <row r="119" spans="2:11" x14ac:dyDescent="0.2">
      <c r="B119" s="15"/>
      <c r="C119" s="17"/>
      <c r="D119" s="15"/>
      <c r="E119" s="15"/>
      <c r="F119" s="16"/>
      <c r="G119" s="15"/>
      <c r="H119" s="15"/>
      <c r="I119" s="15"/>
      <c r="J119" s="15"/>
      <c r="K119" s="15"/>
    </row>
    <row r="120" spans="2:11" x14ac:dyDescent="0.2">
      <c r="B120" s="15"/>
      <c r="C120" s="15"/>
      <c r="D120" s="15"/>
      <c r="E120" s="15"/>
      <c r="F120" s="16"/>
      <c r="G120" s="15"/>
      <c r="H120" s="15"/>
      <c r="I120" s="15"/>
      <c r="J120" s="15"/>
      <c r="K120" s="15"/>
    </row>
    <row r="121" spans="2:11" x14ac:dyDescent="0.2">
      <c r="B121" s="15"/>
      <c r="C121" s="15"/>
      <c r="D121" s="15"/>
      <c r="E121" s="15"/>
      <c r="F121" s="16"/>
      <c r="G121" s="15"/>
      <c r="H121" s="15"/>
      <c r="I121" s="15"/>
      <c r="J121" s="15"/>
      <c r="K121" s="15"/>
    </row>
    <row r="122" spans="2:11" x14ac:dyDescent="0.2">
      <c r="B122" s="15"/>
      <c r="C122" s="17"/>
      <c r="D122" s="15"/>
      <c r="E122" s="15"/>
      <c r="F122" s="16"/>
      <c r="G122" s="15"/>
      <c r="H122" s="15"/>
      <c r="I122" s="15"/>
      <c r="J122" s="15"/>
      <c r="K122" s="15"/>
    </row>
    <row r="123" spans="2:11" x14ac:dyDescent="0.2">
      <c r="B123" s="15"/>
      <c r="C123" s="17"/>
      <c r="D123" s="15"/>
      <c r="E123" s="15"/>
      <c r="F123" s="16"/>
      <c r="G123" s="15"/>
      <c r="H123" s="15"/>
      <c r="I123" s="15"/>
      <c r="J123" s="15"/>
      <c r="K123" s="15"/>
    </row>
    <row r="124" spans="2:11" x14ac:dyDescent="0.2">
      <c r="B124" s="15"/>
      <c r="C124" s="17"/>
      <c r="D124" s="15"/>
      <c r="E124" s="15"/>
      <c r="F124" s="16"/>
      <c r="G124" s="15"/>
      <c r="H124" s="15"/>
      <c r="I124" s="15"/>
      <c r="J124" s="15"/>
      <c r="K124" s="15"/>
    </row>
    <row r="125" spans="2:11" x14ac:dyDescent="0.2">
      <c r="B125" s="15"/>
      <c r="C125" s="17"/>
      <c r="D125" s="15"/>
      <c r="E125" s="15"/>
      <c r="F125" s="16"/>
      <c r="G125" s="15"/>
      <c r="H125" s="15"/>
      <c r="I125" s="15"/>
      <c r="J125" s="15"/>
      <c r="K125" s="15"/>
    </row>
    <row r="126" spans="2:11" x14ac:dyDescent="0.2">
      <c r="B126" s="15"/>
      <c r="C126" s="15"/>
      <c r="D126" s="15"/>
      <c r="E126" s="15"/>
      <c r="F126" s="16"/>
      <c r="G126" s="15"/>
      <c r="H126" s="15"/>
      <c r="I126" s="15"/>
      <c r="J126" s="15"/>
      <c r="K126" s="15"/>
    </row>
    <row r="127" spans="2:11" x14ac:dyDescent="0.2">
      <c r="B127" s="15"/>
      <c r="C127" s="15"/>
      <c r="D127" s="15"/>
      <c r="E127" s="15"/>
      <c r="F127" s="16"/>
      <c r="G127" s="15"/>
      <c r="H127" s="15"/>
      <c r="I127" s="15"/>
      <c r="J127" s="15"/>
      <c r="K127" s="15"/>
    </row>
    <row r="128" spans="2:11" x14ac:dyDescent="0.2">
      <c r="B128" s="15"/>
      <c r="C128" s="15"/>
      <c r="D128" s="15"/>
      <c r="E128" s="15"/>
      <c r="F128" s="16"/>
      <c r="G128" s="15"/>
      <c r="H128" s="15"/>
      <c r="I128" s="15"/>
      <c r="J128" s="15"/>
      <c r="K128" s="15"/>
    </row>
    <row r="129" spans="2:11" x14ac:dyDescent="0.2">
      <c r="B129" s="15"/>
      <c r="C129" s="15"/>
      <c r="D129" s="15"/>
      <c r="E129" s="15"/>
      <c r="F129" s="16"/>
      <c r="G129" s="15"/>
      <c r="H129" s="15"/>
      <c r="I129" s="15"/>
      <c r="J129" s="15"/>
      <c r="K129" s="15"/>
    </row>
    <row r="130" spans="2:11" x14ac:dyDescent="0.2">
      <c r="B130" s="15"/>
      <c r="C130" s="15"/>
      <c r="D130" s="15"/>
      <c r="E130" s="15"/>
      <c r="F130" s="16"/>
      <c r="G130" s="15"/>
      <c r="H130" s="15"/>
      <c r="I130" s="15"/>
      <c r="J130" s="15"/>
      <c r="K130" s="15"/>
    </row>
    <row r="131" spans="2:11" x14ac:dyDescent="0.2">
      <c r="B131" s="15"/>
      <c r="C131" s="15"/>
      <c r="D131" s="15"/>
      <c r="E131" s="15"/>
      <c r="F131" s="16"/>
      <c r="G131" s="15"/>
      <c r="H131" s="15"/>
      <c r="I131" s="15"/>
      <c r="J131" s="15"/>
      <c r="K131" s="15"/>
    </row>
    <row r="132" spans="2:11" x14ac:dyDescent="0.2">
      <c r="B132" s="15"/>
      <c r="C132" s="15"/>
      <c r="D132" s="15"/>
      <c r="E132" s="15"/>
      <c r="F132" s="16"/>
      <c r="G132" s="15"/>
      <c r="H132" s="15"/>
      <c r="I132" s="15"/>
      <c r="J132" s="15"/>
      <c r="K132" s="15"/>
    </row>
    <row r="133" spans="2:11" x14ac:dyDescent="0.2">
      <c r="B133" s="15"/>
      <c r="C133" s="15"/>
      <c r="D133" s="15"/>
      <c r="E133" s="15"/>
      <c r="F133" s="16"/>
      <c r="G133" s="15"/>
      <c r="H133" s="15"/>
      <c r="I133" s="15"/>
      <c r="J133" s="15"/>
      <c r="K133" s="15"/>
    </row>
    <row r="134" spans="2:11" x14ac:dyDescent="0.2">
      <c r="B134" s="15"/>
      <c r="C134" s="15"/>
      <c r="D134" s="15"/>
      <c r="E134" s="15"/>
      <c r="F134" s="16"/>
      <c r="G134" s="15"/>
      <c r="H134" s="15"/>
      <c r="I134" s="15"/>
      <c r="J134" s="15"/>
      <c r="K134" s="15"/>
    </row>
    <row r="135" spans="2:11" x14ac:dyDescent="0.2">
      <c r="B135" s="15"/>
      <c r="C135" s="15"/>
      <c r="D135" s="15"/>
      <c r="E135" s="15"/>
      <c r="F135" s="16"/>
      <c r="G135" s="15"/>
      <c r="H135" s="15"/>
      <c r="I135" s="15"/>
      <c r="J135" s="15"/>
      <c r="K135" s="15"/>
    </row>
    <row r="136" spans="2:11" x14ac:dyDescent="0.2">
      <c r="B136" s="15"/>
      <c r="C136" s="15"/>
      <c r="D136" s="15"/>
      <c r="E136" s="15"/>
      <c r="F136" s="16"/>
      <c r="G136" s="15"/>
      <c r="H136" s="15"/>
      <c r="I136" s="15"/>
      <c r="J136" s="15"/>
      <c r="K136" s="15"/>
    </row>
    <row r="137" spans="2:11" x14ac:dyDescent="0.2">
      <c r="B137" s="15"/>
      <c r="C137" s="15"/>
      <c r="D137" s="15"/>
      <c r="E137" s="15"/>
      <c r="F137" s="16"/>
      <c r="G137" s="15"/>
      <c r="H137" s="15"/>
      <c r="I137" s="15"/>
      <c r="J137" s="15"/>
      <c r="K137" s="15"/>
    </row>
    <row r="138" spans="2:11" x14ac:dyDescent="0.2">
      <c r="B138" s="15"/>
      <c r="C138" s="15"/>
      <c r="D138" s="15"/>
      <c r="E138" s="15"/>
      <c r="F138" s="16"/>
      <c r="G138" s="15"/>
      <c r="H138" s="15"/>
      <c r="I138" s="15"/>
      <c r="J138" s="15"/>
      <c r="K138" s="15"/>
    </row>
    <row r="139" spans="2:11" x14ac:dyDescent="0.2">
      <c r="B139" s="15"/>
      <c r="C139" s="15"/>
      <c r="D139" s="15"/>
      <c r="E139" s="15"/>
      <c r="F139" s="16"/>
      <c r="G139" s="15"/>
      <c r="H139" s="15"/>
      <c r="I139" s="15"/>
      <c r="J139" s="15"/>
      <c r="K139" s="15"/>
    </row>
    <row r="140" spans="2:11" x14ac:dyDescent="0.2">
      <c r="B140" s="15"/>
      <c r="C140" s="15"/>
      <c r="D140" s="15"/>
      <c r="E140" s="15"/>
      <c r="F140" s="16"/>
      <c r="G140" s="15"/>
      <c r="H140" s="15"/>
      <c r="I140" s="15"/>
      <c r="J140" s="15"/>
      <c r="K140" s="15"/>
    </row>
    <row r="141" spans="2:11" x14ac:dyDescent="0.2">
      <c r="B141" s="15"/>
      <c r="C141" s="15"/>
      <c r="D141" s="15"/>
      <c r="E141" s="15"/>
      <c r="F141" s="16"/>
      <c r="G141" s="15"/>
      <c r="H141" s="15"/>
      <c r="I141" s="15"/>
      <c r="J141" s="15"/>
      <c r="K141" s="15"/>
    </row>
    <row r="142" spans="2:11" x14ac:dyDescent="0.2">
      <c r="B142" s="15"/>
      <c r="C142" s="15"/>
      <c r="D142" s="15"/>
      <c r="E142" s="15"/>
      <c r="F142" s="16"/>
      <c r="G142" s="15"/>
      <c r="H142" s="15"/>
      <c r="I142" s="15"/>
      <c r="J142" s="15"/>
      <c r="K142" s="15"/>
    </row>
    <row r="143" spans="2:11" x14ac:dyDescent="0.2">
      <c r="B143" s="15"/>
      <c r="C143" s="15"/>
      <c r="D143" s="15"/>
      <c r="E143" s="15"/>
      <c r="F143" s="16"/>
      <c r="G143" s="15"/>
      <c r="H143" s="15"/>
      <c r="I143" s="15"/>
      <c r="J143" s="15"/>
      <c r="K143" s="15"/>
    </row>
    <row r="144" spans="2:11" x14ac:dyDescent="0.2">
      <c r="B144" s="15"/>
      <c r="C144" s="15"/>
      <c r="D144" s="15"/>
      <c r="E144" s="15"/>
      <c r="F144" s="16"/>
      <c r="G144" s="15"/>
      <c r="H144" s="15"/>
      <c r="I144" s="15"/>
      <c r="J144" s="15"/>
      <c r="K144" s="15"/>
    </row>
    <row r="145" spans="2:6" x14ac:dyDescent="0.2">
      <c r="B145" s="15"/>
      <c r="C145" s="15"/>
      <c r="D145" s="15"/>
      <c r="E145" s="15"/>
      <c r="F145" s="16"/>
    </row>
    <row r="146" spans="2:6" x14ac:dyDescent="0.2">
      <c r="B146" s="15"/>
      <c r="C146" s="15"/>
      <c r="D146" s="15"/>
      <c r="E146" s="15"/>
      <c r="F146" s="16"/>
    </row>
    <row r="147" spans="2:6" x14ac:dyDescent="0.2">
      <c r="B147" s="15"/>
      <c r="C147" s="15"/>
      <c r="D147" s="15"/>
      <c r="E147" s="15"/>
      <c r="F147" s="16"/>
    </row>
    <row r="148" spans="2:6" x14ac:dyDescent="0.2">
      <c r="B148" s="15"/>
      <c r="C148" s="15"/>
      <c r="D148" s="15"/>
      <c r="E148" s="15"/>
      <c r="F148" s="16"/>
    </row>
    <row r="149" spans="2:6" x14ac:dyDescent="0.2">
      <c r="B149" s="15"/>
      <c r="C149" s="15"/>
      <c r="D149" s="15"/>
      <c r="E149" s="15"/>
      <c r="F149" s="16"/>
    </row>
    <row r="150" spans="2:6" x14ac:dyDescent="0.2">
      <c r="B150" s="15"/>
      <c r="C150" s="15"/>
      <c r="D150" s="15"/>
      <c r="E150" s="15"/>
      <c r="F150" s="16"/>
    </row>
    <row r="151" spans="2:6" x14ac:dyDescent="0.2">
      <c r="B151" s="15"/>
      <c r="C151" s="15"/>
      <c r="D151" s="15"/>
      <c r="E151" s="15"/>
      <c r="F151" s="16"/>
    </row>
    <row r="152" spans="2:6" x14ac:dyDescent="0.2">
      <c r="B152" s="15"/>
      <c r="C152" s="15"/>
      <c r="D152" s="15"/>
      <c r="E152" s="15"/>
      <c r="F152" s="16"/>
    </row>
    <row r="153" spans="2:6" x14ac:dyDescent="0.2">
      <c r="B153" s="15"/>
      <c r="C153" s="15"/>
      <c r="D153" s="15"/>
      <c r="E153" s="15"/>
      <c r="F153" s="16"/>
    </row>
    <row r="154" spans="2:6" x14ac:dyDescent="0.2">
      <c r="B154" s="15"/>
      <c r="C154" s="15"/>
      <c r="D154" s="15"/>
      <c r="E154" s="15"/>
      <c r="F154" s="16"/>
    </row>
    <row r="155" spans="2:6" x14ac:dyDescent="0.2">
      <c r="B155" s="15"/>
      <c r="C155" s="15"/>
      <c r="D155" s="15"/>
      <c r="E155" s="15"/>
      <c r="F155" s="16"/>
    </row>
    <row r="156" spans="2:6" x14ac:dyDescent="0.2">
      <c r="B156" s="15"/>
      <c r="C156" s="15"/>
      <c r="D156" s="15"/>
      <c r="E156" s="15"/>
      <c r="F156" s="16"/>
    </row>
    <row r="157" spans="2:6" x14ac:dyDescent="0.2">
      <c r="B157" s="15"/>
      <c r="C157" s="15"/>
      <c r="D157" s="15"/>
      <c r="E157" s="15"/>
      <c r="F157" s="16"/>
    </row>
    <row r="158" spans="2:6" x14ac:dyDescent="0.2">
      <c r="B158" s="15"/>
      <c r="C158" s="15"/>
      <c r="D158" s="15"/>
      <c r="E158" s="15"/>
      <c r="F158" s="16"/>
    </row>
    <row r="159" spans="2:6" x14ac:dyDescent="0.2">
      <c r="B159" s="15"/>
      <c r="C159" s="15"/>
      <c r="D159" s="15"/>
      <c r="E159" s="15"/>
      <c r="F159" s="16"/>
    </row>
    <row r="160" spans="2:6" x14ac:dyDescent="0.2">
      <c r="B160" s="15"/>
      <c r="C160" s="15"/>
      <c r="D160" s="15"/>
      <c r="E160" s="15"/>
      <c r="F160" s="16"/>
    </row>
    <row r="161" spans="2:6" x14ac:dyDescent="0.2">
      <c r="B161" s="15"/>
      <c r="C161" s="15"/>
      <c r="D161" s="15"/>
      <c r="E161" s="15"/>
      <c r="F161" s="16"/>
    </row>
    <row r="162" spans="2:6" x14ac:dyDescent="0.2">
      <c r="B162" s="15"/>
      <c r="C162" s="15"/>
      <c r="D162" s="15"/>
      <c r="E162" s="15"/>
      <c r="F162" s="16"/>
    </row>
    <row r="163" spans="2:6" x14ac:dyDescent="0.2">
      <c r="B163" s="15"/>
      <c r="C163" s="15"/>
      <c r="D163" s="15"/>
      <c r="E163" s="15"/>
      <c r="F163" s="16"/>
    </row>
    <row r="164" spans="2:6" x14ac:dyDescent="0.2">
      <c r="B164" s="15"/>
      <c r="C164" s="15"/>
      <c r="D164" s="15"/>
      <c r="E164" s="15"/>
      <c r="F164" s="16"/>
    </row>
    <row r="165" spans="2:6" x14ac:dyDescent="0.2">
      <c r="B165" s="15"/>
      <c r="C165" s="15"/>
      <c r="D165" s="15"/>
      <c r="E165" s="15"/>
      <c r="F165" s="16"/>
    </row>
    <row r="166" spans="2:6" x14ac:dyDescent="0.2">
      <c r="B166" s="15"/>
      <c r="C166" s="15"/>
      <c r="D166" s="15"/>
      <c r="E166" s="15"/>
      <c r="F166" s="16"/>
    </row>
    <row r="167" spans="2:6" x14ac:dyDescent="0.2">
      <c r="B167" s="15"/>
      <c r="C167" s="15"/>
      <c r="D167" s="15"/>
      <c r="E167" s="15"/>
      <c r="F167" s="16"/>
    </row>
    <row r="168" spans="2:6" x14ac:dyDescent="0.2">
      <c r="B168" s="15"/>
      <c r="C168" s="15"/>
      <c r="D168" s="15"/>
      <c r="E168" s="15"/>
      <c r="F168" s="16"/>
    </row>
    <row r="169" spans="2:6" x14ac:dyDescent="0.2">
      <c r="B169" s="15"/>
      <c r="C169" s="15"/>
      <c r="D169" s="15"/>
      <c r="E169" s="15"/>
      <c r="F169" s="16"/>
    </row>
    <row r="170" spans="2:6" x14ac:dyDescent="0.2">
      <c r="B170" s="15"/>
      <c r="C170" s="15"/>
      <c r="D170" s="15"/>
      <c r="E170" s="15"/>
      <c r="F170" s="16"/>
    </row>
    <row r="171" spans="2:6" x14ac:dyDescent="0.2">
      <c r="B171" s="15"/>
      <c r="C171" s="15"/>
      <c r="D171" s="15"/>
      <c r="E171" s="15"/>
      <c r="F171" s="16"/>
    </row>
    <row r="172" spans="2:6" x14ac:dyDescent="0.2">
      <c r="B172" s="15"/>
      <c r="C172" s="15"/>
      <c r="D172" s="15"/>
      <c r="E172" s="15"/>
      <c r="F172" s="16"/>
    </row>
    <row r="173" spans="2:6" x14ac:dyDescent="0.2">
      <c r="B173" s="15"/>
      <c r="C173" s="15"/>
      <c r="D173" s="15"/>
      <c r="E173" s="15"/>
      <c r="F173" s="16"/>
    </row>
    <row r="174" spans="2:6" x14ac:dyDescent="0.2">
      <c r="B174" s="15"/>
      <c r="C174" s="15"/>
      <c r="D174" s="15"/>
      <c r="E174" s="15"/>
      <c r="F174" s="16"/>
    </row>
    <row r="175" spans="2:6" x14ac:dyDescent="0.2">
      <c r="B175" s="15"/>
      <c r="C175" s="15"/>
      <c r="D175" s="15"/>
      <c r="E175" s="15"/>
      <c r="F175" s="16"/>
    </row>
    <row r="176" spans="2:6" x14ac:dyDescent="0.2">
      <c r="B176" s="15"/>
      <c r="C176" s="15"/>
      <c r="D176" s="15"/>
      <c r="E176" s="15"/>
      <c r="F176" s="16"/>
    </row>
    <row r="177" spans="2:6" x14ac:dyDescent="0.2">
      <c r="B177" s="15"/>
      <c r="C177" s="15"/>
      <c r="D177" s="15"/>
      <c r="E177" s="15"/>
      <c r="F177" s="16"/>
    </row>
    <row r="178" spans="2:6" x14ac:dyDescent="0.2">
      <c r="B178" s="15"/>
      <c r="C178" s="15"/>
      <c r="D178" s="15"/>
      <c r="E178" s="15"/>
      <c r="F178" s="16"/>
    </row>
    <row r="179" spans="2:6" x14ac:dyDescent="0.2">
      <c r="B179" s="15"/>
      <c r="C179" s="15"/>
      <c r="D179" s="15"/>
      <c r="E179" s="15"/>
      <c r="F179" s="16"/>
    </row>
  </sheetData>
  <phoneticPr fontId="0" type="noConversion"/>
  <conditionalFormatting sqref="D8">
    <cfRule type="duplicateValues" dxfId="599" priority="297"/>
  </conditionalFormatting>
  <conditionalFormatting sqref="D9">
    <cfRule type="duplicateValues" dxfId="598" priority="296"/>
  </conditionalFormatting>
  <conditionalFormatting sqref="D10">
    <cfRule type="duplicateValues" dxfId="597" priority="295"/>
  </conditionalFormatting>
  <conditionalFormatting sqref="D11">
    <cfRule type="duplicateValues" dxfId="596" priority="294"/>
  </conditionalFormatting>
  <conditionalFormatting sqref="D12">
    <cfRule type="duplicateValues" dxfId="595" priority="293"/>
  </conditionalFormatting>
  <conditionalFormatting sqref="D13">
    <cfRule type="duplicateValues" dxfId="594" priority="292"/>
  </conditionalFormatting>
  <conditionalFormatting sqref="D14">
    <cfRule type="duplicateValues" dxfId="593" priority="291"/>
  </conditionalFormatting>
  <conditionalFormatting sqref="D15">
    <cfRule type="duplicateValues" dxfId="592" priority="290"/>
  </conditionalFormatting>
  <conditionalFormatting sqref="D16">
    <cfRule type="duplicateValues" dxfId="591" priority="289"/>
  </conditionalFormatting>
  <conditionalFormatting sqref="D17">
    <cfRule type="duplicateValues" dxfId="590" priority="288"/>
  </conditionalFormatting>
  <conditionalFormatting sqref="D18">
    <cfRule type="duplicateValues" dxfId="589" priority="287"/>
  </conditionalFormatting>
  <conditionalFormatting sqref="D19">
    <cfRule type="duplicateValues" dxfId="588" priority="286"/>
  </conditionalFormatting>
  <conditionalFormatting sqref="D20">
    <cfRule type="duplicateValues" dxfId="587" priority="285"/>
  </conditionalFormatting>
  <conditionalFormatting sqref="D21">
    <cfRule type="duplicateValues" dxfId="586" priority="283"/>
  </conditionalFormatting>
  <conditionalFormatting sqref="D22">
    <cfRule type="duplicateValues" dxfId="585" priority="282"/>
  </conditionalFormatting>
  <conditionalFormatting sqref="D23">
    <cfRule type="duplicateValues" dxfId="584" priority="281"/>
  </conditionalFormatting>
  <conditionalFormatting sqref="D24">
    <cfRule type="duplicateValues" dxfId="583" priority="280"/>
  </conditionalFormatting>
  <conditionalFormatting sqref="D25">
    <cfRule type="duplicateValues" dxfId="582" priority="279"/>
  </conditionalFormatting>
  <conditionalFormatting sqref="D26">
    <cfRule type="duplicateValues" dxfId="581" priority="278"/>
  </conditionalFormatting>
  <conditionalFormatting sqref="D27">
    <cfRule type="duplicateValues" dxfId="580" priority="277"/>
  </conditionalFormatting>
  <conditionalFormatting sqref="D28">
    <cfRule type="duplicateValues" dxfId="579" priority="275"/>
  </conditionalFormatting>
  <conditionalFormatting sqref="D29">
    <cfRule type="duplicateValues" dxfId="578" priority="274"/>
  </conditionalFormatting>
  <conditionalFormatting sqref="D30">
    <cfRule type="duplicateValues" dxfId="577" priority="273"/>
  </conditionalFormatting>
  <conditionalFormatting sqref="D31">
    <cfRule type="duplicateValues" dxfId="576" priority="272"/>
  </conditionalFormatting>
  <conditionalFormatting sqref="D32">
    <cfRule type="duplicateValues" dxfId="575" priority="271"/>
  </conditionalFormatting>
  <conditionalFormatting sqref="D33">
    <cfRule type="duplicateValues" dxfId="574" priority="270"/>
  </conditionalFormatting>
  <conditionalFormatting sqref="D34">
    <cfRule type="duplicateValues" dxfId="573" priority="269"/>
  </conditionalFormatting>
  <conditionalFormatting sqref="D35">
    <cfRule type="duplicateValues" dxfId="572" priority="267"/>
  </conditionalFormatting>
  <conditionalFormatting sqref="D40">
    <cfRule type="duplicateValues" dxfId="571" priority="150"/>
  </conditionalFormatting>
  <conditionalFormatting sqref="D41">
    <cfRule type="duplicateValues" dxfId="570" priority="149"/>
  </conditionalFormatting>
  <conditionalFormatting sqref="D42">
    <cfRule type="duplicateValues" dxfId="569" priority="148"/>
  </conditionalFormatting>
  <conditionalFormatting sqref="D43">
    <cfRule type="duplicateValues" dxfId="568" priority="147"/>
  </conditionalFormatting>
  <conditionalFormatting sqref="D44">
    <cfRule type="duplicateValues" dxfId="567" priority="146"/>
  </conditionalFormatting>
  <conditionalFormatting sqref="D45">
    <cfRule type="duplicateValues" dxfId="566" priority="145"/>
  </conditionalFormatting>
  <conditionalFormatting sqref="D46">
    <cfRule type="duplicateValues" dxfId="565" priority="144"/>
  </conditionalFormatting>
  <conditionalFormatting sqref="D49">
    <cfRule type="duplicateValues" dxfId="564" priority="142"/>
  </conditionalFormatting>
  <conditionalFormatting sqref="D50">
    <cfRule type="duplicateValues" dxfId="563" priority="141"/>
  </conditionalFormatting>
  <conditionalFormatting sqref="D51">
    <cfRule type="duplicateValues" dxfId="562" priority="140"/>
  </conditionalFormatting>
  <conditionalFormatting sqref="D52">
    <cfRule type="duplicateValues" dxfId="561" priority="139"/>
  </conditionalFormatting>
  <conditionalFormatting sqref="D54">
    <cfRule type="duplicateValues" dxfId="560" priority="143"/>
  </conditionalFormatting>
  <conditionalFormatting sqref="D55">
    <cfRule type="duplicateValues" dxfId="559" priority="138"/>
  </conditionalFormatting>
  <conditionalFormatting sqref="D56">
    <cfRule type="duplicateValues" dxfId="558" priority="137"/>
  </conditionalFormatting>
  <conditionalFormatting sqref="D57">
    <cfRule type="duplicateValues" dxfId="557" priority="136"/>
  </conditionalFormatting>
  <conditionalFormatting sqref="D58">
    <cfRule type="duplicateValues" dxfId="556" priority="135"/>
  </conditionalFormatting>
  <conditionalFormatting sqref="D59">
    <cfRule type="duplicateValues" dxfId="555" priority="134"/>
  </conditionalFormatting>
  <conditionalFormatting sqref="D60">
    <cfRule type="duplicateValues" dxfId="554" priority="133"/>
  </conditionalFormatting>
  <conditionalFormatting sqref="D61">
    <cfRule type="duplicateValues" dxfId="553" priority="132"/>
  </conditionalFormatting>
  <conditionalFormatting sqref="D63">
    <cfRule type="duplicateValues" dxfId="552" priority="131" stopIfTrue="1"/>
    <cfRule type="duplicateValues" dxfId="551" priority="130" stopIfTrue="1"/>
    <cfRule type="duplicateValues" dxfId="550" priority="129" stopIfTrue="1"/>
    <cfRule type="duplicateValues" dxfId="549" priority="128"/>
  </conditionalFormatting>
  <conditionalFormatting sqref="D64">
    <cfRule type="duplicateValues" dxfId="548" priority="124" stopIfTrue="1"/>
    <cfRule type="duplicateValues" dxfId="547" priority="123" stopIfTrue="1"/>
    <cfRule type="duplicateValues" dxfId="546" priority="122" stopIfTrue="1"/>
  </conditionalFormatting>
  <conditionalFormatting sqref="D65">
    <cfRule type="duplicateValues" dxfId="545" priority="127"/>
  </conditionalFormatting>
  <conditionalFormatting sqref="D66">
    <cfRule type="duplicateValues" dxfId="544" priority="126"/>
  </conditionalFormatting>
  <conditionalFormatting sqref="D67">
    <cfRule type="duplicateValues" dxfId="543" priority="125"/>
  </conditionalFormatting>
  <conditionalFormatting sqref="H8">
    <cfRule type="duplicateValues" dxfId="542" priority="266"/>
  </conditionalFormatting>
  <conditionalFormatting sqref="H10">
    <cfRule type="duplicateValues" dxfId="541" priority="265"/>
  </conditionalFormatting>
  <conditionalFormatting sqref="H11">
    <cfRule type="duplicateValues" dxfId="540" priority="264"/>
  </conditionalFormatting>
  <conditionalFormatting sqref="H12">
    <cfRule type="duplicateValues" dxfId="539" priority="263"/>
  </conditionalFormatting>
  <conditionalFormatting sqref="H13">
    <cfRule type="duplicateValues" dxfId="538" priority="262"/>
  </conditionalFormatting>
  <conditionalFormatting sqref="H14">
    <cfRule type="duplicateValues" dxfId="537" priority="261"/>
  </conditionalFormatting>
  <conditionalFormatting sqref="H15">
    <cfRule type="duplicateValues" dxfId="536" priority="260"/>
  </conditionalFormatting>
  <conditionalFormatting sqref="H16">
    <cfRule type="duplicateValues" dxfId="535" priority="259"/>
  </conditionalFormatting>
  <conditionalFormatting sqref="H17">
    <cfRule type="duplicateValues" dxfId="534" priority="258"/>
  </conditionalFormatting>
  <conditionalFormatting sqref="H18">
    <cfRule type="duplicateValues" dxfId="533" priority="257"/>
  </conditionalFormatting>
  <conditionalFormatting sqref="H19">
    <cfRule type="duplicateValues" dxfId="532" priority="256"/>
  </conditionalFormatting>
  <conditionalFormatting sqref="H20">
    <cfRule type="duplicateValues" dxfId="531" priority="255"/>
  </conditionalFormatting>
  <conditionalFormatting sqref="H21">
    <cfRule type="duplicateValues" dxfId="530" priority="254"/>
  </conditionalFormatting>
  <conditionalFormatting sqref="H22">
    <cfRule type="duplicateValues" dxfId="529" priority="253"/>
  </conditionalFormatting>
  <conditionalFormatting sqref="H23">
    <cfRule type="duplicateValues" dxfId="528" priority="252"/>
  </conditionalFormatting>
  <conditionalFormatting sqref="H24">
    <cfRule type="duplicateValues" dxfId="527" priority="251"/>
  </conditionalFormatting>
  <conditionalFormatting sqref="H25">
    <cfRule type="duplicateValues" dxfId="526" priority="250"/>
  </conditionalFormatting>
  <conditionalFormatting sqref="H26">
    <cfRule type="duplicateValues" dxfId="525" priority="249"/>
  </conditionalFormatting>
  <conditionalFormatting sqref="H27">
    <cfRule type="duplicateValues" dxfId="524" priority="248"/>
  </conditionalFormatting>
  <conditionalFormatting sqref="H28">
    <cfRule type="duplicateValues" dxfId="523" priority="247"/>
  </conditionalFormatting>
  <conditionalFormatting sqref="H29">
    <cfRule type="duplicateValues" dxfId="522" priority="246"/>
  </conditionalFormatting>
  <conditionalFormatting sqref="H30">
    <cfRule type="duplicateValues" dxfId="521" priority="244"/>
  </conditionalFormatting>
  <conditionalFormatting sqref="H31">
    <cfRule type="duplicateValues" dxfId="520" priority="243"/>
  </conditionalFormatting>
  <conditionalFormatting sqref="H32">
    <cfRule type="duplicateValues" dxfId="519" priority="242"/>
  </conditionalFormatting>
  <conditionalFormatting sqref="H33">
    <cfRule type="duplicateValues" dxfId="518" priority="241"/>
  </conditionalFormatting>
  <conditionalFormatting sqref="H34">
    <cfRule type="duplicateValues" dxfId="517" priority="240"/>
  </conditionalFormatting>
  <conditionalFormatting sqref="H40">
    <cfRule type="duplicateValues" dxfId="516" priority="121"/>
  </conditionalFormatting>
  <conditionalFormatting sqref="H41">
    <cfRule type="duplicateValues" dxfId="515" priority="120" stopIfTrue="1"/>
    <cfRule type="duplicateValues" dxfId="514" priority="119" stopIfTrue="1"/>
    <cfRule type="duplicateValues" dxfId="513" priority="117"/>
    <cfRule type="duplicateValues" dxfId="512" priority="118" stopIfTrue="1"/>
  </conditionalFormatting>
  <conditionalFormatting sqref="H42">
    <cfRule type="duplicateValues" dxfId="511" priority="116"/>
  </conditionalFormatting>
  <conditionalFormatting sqref="H43">
    <cfRule type="duplicateValues" dxfId="510" priority="115"/>
  </conditionalFormatting>
  <conditionalFormatting sqref="H44">
    <cfRule type="duplicateValues" dxfId="509" priority="114"/>
  </conditionalFormatting>
  <conditionalFormatting sqref="H45">
    <cfRule type="duplicateValues" dxfId="508" priority="112"/>
  </conditionalFormatting>
  <conditionalFormatting sqref="H46">
    <cfRule type="duplicateValues" dxfId="507" priority="113"/>
  </conditionalFormatting>
  <conditionalFormatting sqref="H47">
    <cfRule type="duplicateValues" dxfId="506" priority="111"/>
  </conditionalFormatting>
  <conditionalFormatting sqref="H48">
    <cfRule type="duplicateValues" dxfId="505" priority="109"/>
  </conditionalFormatting>
  <conditionalFormatting sqref="H49">
    <cfRule type="duplicateValues" dxfId="504" priority="108"/>
  </conditionalFormatting>
  <conditionalFormatting sqref="H50">
    <cfRule type="duplicateValues" dxfId="503" priority="93"/>
  </conditionalFormatting>
  <conditionalFormatting sqref="H51">
    <cfRule type="duplicateValues" dxfId="502" priority="106"/>
  </conditionalFormatting>
  <conditionalFormatting sqref="H52">
    <cfRule type="duplicateValues" dxfId="501" priority="105"/>
  </conditionalFormatting>
  <conditionalFormatting sqref="H53">
    <cfRule type="duplicateValues" dxfId="500" priority="104"/>
  </conditionalFormatting>
  <conditionalFormatting sqref="H55">
    <cfRule type="duplicateValues" dxfId="499" priority="102"/>
  </conditionalFormatting>
  <conditionalFormatting sqref="H56">
    <cfRule type="duplicateValues" dxfId="498" priority="101"/>
  </conditionalFormatting>
  <conditionalFormatting sqref="H57">
    <cfRule type="duplicateValues" dxfId="497" priority="100"/>
  </conditionalFormatting>
  <conditionalFormatting sqref="H58">
    <cfRule type="duplicateValues" dxfId="496" priority="99"/>
  </conditionalFormatting>
  <conditionalFormatting sqref="H60">
    <cfRule type="duplicateValues" dxfId="495" priority="98"/>
  </conditionalFormatting>
  <conditionalFormatting sqref="H61">
    <cfRule type="duplicateValues" dxfId="494" priority="84"/>
  </conditionalFormatting>
  <conditionalFormatting sqref="H62">
    <cfRule type="duplicateValues" dxfId="493" priority="91" stopIfTrue="1"/>
    <cfRule type="duplicateValues" dxfId="492" priority="92" stopIfTrue="1"/>
    <cfRule type="duplicateValues" dxfId="491" priority="90" stopIfTrue="1"/>
  </conditionalFormatting>
  <conditionalFormatting sqref="H63">
    <cfRule type="duplicateValues" dxfId="490" priority="96"/>
  </conditionalFormatting>
  <conditionalFormatting sqref="H64">
    <cfRule type="duplicateValues" dxfId="489" priority="95"/>
  </conditionalFormatting>
  <conditionalFormatting sqref="H65">
    <cfRule type="duplicateValues" dxfId="488" priority="94"/>
  </conditionalFormatting>
  <conditionalFormatting sqref="H66">
    <cfRule type="duplicateValues" dxfId="487" priority="85"/>
  </conditionalFormatting>
  <conditionalFormatting sqref="H67">
    <cfRule type="duplicateValues" dxfId="486" priority="97"/>
  </conditionalFormatting>
  <conditionalFormatting sqref="L8">
    <cfRule type="duplicateValues" dxfId="485" priority="239"/>
  </conditionalFormatting>
  <conditionalFormatting sqref="L9">
    <cfRule type="duplicateValues" dxfId="484" priority="238"/>
  </conditionalFormatting>
  <conditionalFormatting sqref="L10">
    <cfRule type="duplicateValues" dxfId="483" priority="237"/>
  </conditionalFormatting>
  <conditionalFormatting sqref="L11">
    <cfRule type="duplicateValues" dxfId="482" priority="236"/>
  </conditionalFormatting>
  <conditionalFormatting sqref="L12">
    <cfRule type="duplicateValues" dxfId="481" priority="235"/>
  </conditionalFormatting>
  <conditionalFormatting sqref="L13">
    <cfRule type="duplicateValues" dxfId="480" priority="234"/>
  </conditionalFormatting>
  <conditionalFormatting sqref="L14">
    <cfRule type="duplicateValues" dxfId="479" priority="232" stopIfTrue="1"/>
    <cfRule type="duplicateValues" dxfId="478" priority="231" stopIfTrue="1"/>
    <cfRule type="duplicateValues" dxfId="477" priority="230" stopIfTrue="1"/>
  </conditionalFormatting>
  <conditionalFormatting sqref="L15">
    <cfRule type="duplicateValues" dxfId="476" priority="233"/>
  </conditionalFormatting>
  <conditionalFormatting sqref="L16">
    <cfRule type="duplicateValues" dxfId="475" priority="229"/>
  </conditionalFormatting>
  <conditionalFormatting sqref="L17">
    <cfRule type="duplicateValues" dxfId="474" priority="228"/>
  </conditionalFormatting>
  <conditionalFormatting sqref="L18">
    <cfRule type="duplicateValues" dxfId="473" priority="227"/>
  </conditionalFormatting>
  <conditionalFormatting sqref="L19">
    <cfRule type="duplicateValues" dxfId="472" priority="226"/>
  </conditionalFormatting>
  <conditionalFormatting sqref="L20">
    <cfRule type="duplicateValues" dxfId="471" priority="225"/>
  </conditionalFormatting>
  <conditionalFormatting sqref="L21">
    <cfRule type="duplicateValues" dxfId="470" priority="224"/>
  </conditionalFormatting>
  <conditionalFormatting sqref="L22">
    <cfRule type="duplicateValues" dxfId="469" priority="222"/>
  </conditionalFormatting>
  <conditionalFormatting sqref="L23">
    <cfRule type="duplicateValues" dxfId="468" priority="221"/>
  </conditionalFormatting>
  <conditionalFormatting sqref="L24">
    <cfRule type="duplicateValues" dxfId="467" priority="220"/>
  </conditionalFormatting>
  <conditionalFormatting sqref="L25">
    <cfRule type="duplicateValues" dxfId="466" priority="219"/>
  </conditionalFormatting>
  <conditionalFormatting sqref="L26">
    <cfRule type="duplicateValues" dxfId="465" priority="218"/>
  </conditionalFormatting>
  <conditionalFormatting sqref="L27">
    <cfRule type="duplicateValues" dxfId="464" priority="217"/>
  </conditionalFormatting>
  <conditionalFormatting sqref="L28">
    <cfRule type="duplicateValues" dxfId="463" priority="216"/>
  </conditionalFormatting>
  <conditionalFormatting sqref="L29">
    <cfRule type="duplicateValues" dxfId="462" priority="215"/>
  </conditionalFormatting>
  <conditionalFormatting sqref="L30">
    <cfRule type="duplicateValues" dxfId="461" priority="214"/>
  </conditionalFormatting>
  <conditionalFormatting sqref="L31">
    <cfRule type="duplicateValues" dxfId="460" priority="212"/>
  </conditionalFormatting>
  <conditionalFormatting sqref="L32">
    <cfRule type="duplicateValues" dxfId="459" priority="213"/>
  </conditionalFormatting>
  <conditionalFormatting sqref="L33">
    <cfRule type="duplicateValues" dxfId="458" priority="211"/>
  </conditionalFormatting>
  <conditionalFormatting sqref="L34">
    <cfRule type="duplicateValues" dxfId="457" priority="223"/>
  </conditionalFormatting>
  <conditionalFormatting sqref="L40">
    <cfRule type="duplicateValues" dxfId="456" priority="88"/>
  </conditionalFormatting>
  <conditionalFormatting sqref="L41">
    <cfRule type="duplicateValues" dxfId="455" priority="83"/>
  </conditionalFormatting>
  <conditionalFormatting sqref="L42">
    <cfRule type="duplicateValues" dxfId="454" priority="82"/>
  </conditionalFormatting>
  <conditionalFormatting sqref="L43">
    <cfRule type="duplicateValues" dxfId="453" priority="80" stopIfTrue="1"/>
    <cfRule type="duplicateValues" dxfId="452" priority="79" stopIfTrue="1"/>
    <cfRule type="duplicateValues" dxfId="451" priority="81" stopIfTrue="1"/>
  </conditionalFormatting>
  <conditionalFormatting sqref="L44">
    <cfRule type="duplicateValues" dxfId="450" priority="78"/>
  </conditionalFormatting>
  <conditionalFormatting sqref="L45">
    <cfRule type="duplicateValues" dxfId="449" priority="77"/>
  </conditionalFormatting>
  <conditionalFormatting sqref="L46">
    <cfRule type="duplicateValues" dxfId="448" priority="76"/>
  </conditionalFormatting>
  <conditionalFormatting sqref="L47">
    <cfRule type="duplicateValues" dxfId="447" priority="75"/>
  </conditionalFormatting>
  <conditionalFormatting sqref="L48">
    <cfRule type="duplicateValues" dxfId="446" priority="74"/>
  </conditionalFormatting>
  <conditionalFormatting sqref="L50">
    <cfRule type="duplicateValues" dxfId="445" priority="73"/>
  </conditionalFormatting>
  <conditionalFormatting sqref="L51">
    <cfRule type="duplicateValues" dxfId="444" priority="62"/>
  </conditionalFormatting>
  <conditionalFormatting sqref="L52">
    <cfRule type="duplicateValues" dxfId="443" priority="72"/>
  </conditionalFormatting>
  <conditionalFormatting sqref="L53">
    <cfRule type="duplicateValues" dxfId="442" priority="65"/>
  </conditionalFormatting>
  <conditionalFormatting sqref="L54">
    <cfRule type="duplicateValues" dxfId="441" priority="71"/>
  </conditionalFormatting>
  <conditionalFormatting sqref="L55">
    <cfRule type="duplicateValues" dxfId="440" priority="61"/>
  </conditionalFormatting>
  <conditionalFormatting sqref="L56">
    <cfRule type="duplicateValues" dxfId="439" priority="70"/>
  </conditionalFormatting>
  <conditionalFormatting sqref="L57">
    <cfRule type="duplicateValues" dxfId="438" priority="69"/>
  </conditionalFormatting>
  <conditionalFormatting sqref="L58">
    <cfRule type="duplicateValues" dxfId="437" priority="68"/>
  </conditionalFormatting>
  <conditionalFormatting sqref="L59">
    <cfRule type="duplicateValues" dxfId="436" priority="67"/>
  </conditionalFormatting>
  <conditionalFormatting sqref="L60">
    <cfRule type="duplicateValues" dxfId="435" priority="66"/>
  </conditionalFormatting>
  <conditionalFormatting sqref="L61">
    <cfRule type="duplicateValues" dxfId="434" priority="64"/>
  </conditionalFormatting>
  <conditionalFormatting sqref="L62">
    <cfRule type="duplicateValues" dxfId="433" priority="63"/>
  </conditionalFormatting>
  <conditionalFormatting sqref="L63">
    <cfRule type="duplicateValues" dxfId="432" priority="60"/>
  </conditionalFormatting>
  <conditionalFormatting sqref="L64">
    <cfRule type="duplicateValues" dxfId="431" priority="58"/>
  </conditionalFormatting>
  <conditionalFormatting sqref="L65">
    <cfRule type="duplicateValues" dxfId="430" priority="59"/>
  </conditionalFormatting>
  <conditionalFormatting sqref="L66">
    <cfRule type="duplicateValues" dxfId="429" priority="86"/>
  </conditionalFormatting>
  <conditionalFormatting sqref="L67">
    <cfRule type="duplicateValues" dxfId="428" priority="37"/>
  </conditionalFormatting>
  <conditionalFormatting sqref="P8">
    <cfRule type="duplicateValues" dxfId="427" priority="210"/>
  </conditionalFormatting>
  <conditionalFormatting sqref="P9">
    <cfRule type="duplicateValues" dxfId="426" priority="208"/>
  </conditionalFormatting>
  <conditionalFormatting sqref="P10">
    <cfRule type="duplicateValues" dxfId="425" priority="207"/>
  </conditionalFormatting>
  <conditionalFormatting sqref="P11">
    <cfRule type="duplicateValues" dxfId="424" priority="206"/>
  </conditionalFormatting>
  <conditionalFormatting sqref="P12">
    <cfRule type="duplicateValues" dxfId="423" priority="205"/>
  </conditionalFormatting>
  <conditionalFormatting sqref="P13">
    <cfRule type="duplicateValues" dxfId="422" priority="204" stopIfTrue="1"/>
    <cfRule type="duplicateValues" dxfId="421" priority="203" stopIfTrue="1"/>
    <cfRule type="duplicateValues" dxfId="420" priority="202" stopIfTrue="1"/>
  </conditionalFormatting>
  <conditionalFormatting sqref="P14">
    <cfRule type="duplicateValues" dxfId="419" priority="201"/>
  </conditionalFormatting>
  <conditionalFormatting sqref="P15">
    <cfRule type="duplicateValues" dxfId="418" priority="200"/>
  </conditionalFormatting>
  <conditionalFormatting sqref="P16">
    <cfRule type="duplicateValues" dxfId="417" priority="199"/>
  </conditionalFormatting>
  <conditionalFormatting sqref="P17">
    <cfRule type="duplicateValues" dxfId="416" priority="198"/>
  </conditionalFormatting>
  <conditionalFormatting sqref="P18">
    <cfRule type="duplicateValues" dxfId="415" priority="197"/>
  </conditionalFormatting>
  <conditionalFormatting sqref="P19">
    <cfRule type="duplicateValues" dxfId="414" priority="196" stopIfTrue="1"/>
    <cfRule type="duplicateValues" dxfId="413" priority="195" stopIfTrue="1"/>
    <cfRule type="duplicateValues" dxfId="412" priority="194" stopIfTrue="1"/>
  </conditionalFormatting>
  <conditionalFormatting sqref="P21">
    <cfRule type="duplicateValues" dxfId="411" priority="193"/>
  </conditionalFormatting>
  <conditionalFormatting sqref="P22">
    <cfRule type="duplicateValues" dxfId="410" priority="192"/>
  </conditionalFormatting>
  <conditionalFormatting sqref="P23">
    <cfRule type="duplicateValues" dxfId="409" priority="191"/>
  </conditionalFormatting>
  <conditionalFormatting sqref="P24">
    <cfRule type="duplicateValues" dxfId="408" priority="190"/>
  </conditionalFormatting>
  <conditionalFormatting sqref="P25">
    <cfRule type="duplicateValues" dxfId="407" priority="189"/>
  </conditionalFormatting>
  <conditionalFormatting sqref="P26">
    <cfRule type="duplicateValues" dxfId="406" priority="188"/>
  </conditionalFormatting>
  <conditionalFormatting sqref="P28">
    <cfRule type="duplicateValues" dxfId="405" priority="187"/>
  </conditionalFormatting>
  <conditionalFormatting sqref="P29">
    <cfRule type="duplicateValues" dxfId="404" priority="186"/>
  </conditionalFormatting>
  <conditionalFormatting sqref="P30">
    <cfRule type="duplicateValues" dxfId="403" priority="185"/>
  </conditionalFormatting>
  <conditionalFormatting sqref="P31">
    <cfRule type="duplicateValues" dxfId="402" priority="184"/>
  </conditionalFormatting>
  <conditionalFormatting sqref="P32">
    <cfRule type="duplicateValues" dxfId="401" priority="180"/>
  </conditionalFormatting>
  <conditionalFormatting sqref="P33">
    <cfRule type="duplicateValues" dxfId="400" priority="183"/>
  </conditionalFormatting>
  <conditionalFormatting sqref="P34">
    <cfRule type="duplicateValues" dxfId="399" priority="209"/>
  </conditionalFormatting>
  <conditionalFormatting sqref="P35">
    <cfRule type="duplicateValues" dxfId="398" priority="181"/>
  </conditionalFormatting>
  <conditionalFormatting sqref="P41">
    <cfRule type="duplicateValues" dxfId="397" priority="57"/>
  </conditionalFormatting>
  <conditionalFormatting sqref="P42">
    <cfRule type="duplicateValues" dxfId="396" priority="38"/>
  </conditionalFormatting>
  <conditionalFormatting sqref="P43">
    <cfRule type="duplicateValues" dxfId="395" priority="56"/>
  </conditionalFormatting>
  <conditionalFormatting sqref="P44">
    <cfRule type="duplicateValues" dxfId="394" priority="55"/>
  </conditionalFormatting>
  <conditionalFormatting sqref="P45">
    <cfRule type="duplicateValues" dxfId="393" priority="34"/>
  </conditionalFormatting>
  <conditionalFormatting sqref="P46">
    <cfRule type="duplicateValues" dxfId="392" priority="33"/>
  </conditionalFormatting>
  <conditionalFormatting sqref="P47">
    <cfRule type="duplicateValues" dxfId="391" priority="54"/>
  </conditionalFormatting>
  <conditionalFormatting sqref="P48">
    <cfRule type="duplicateValues" dxfId="390" priority="53"/>
  </conditionalFormatting>
  <conditionalFormatting sqref="P49">
    <cfRule type="duplicateValues" dxfId="389" priority="52"/>
  </conditionalFormatting>
  <conditionalFormatting sqref="P50">
    <cfRule type="duplicateValues" dxfId="388" priority="51"/>
  </conditionalFormatting>
  <conditionalFormatting sqref="P52">
    <cfRule type="duplicateValues" dxfId="387" priority="50"/>
  </conditionalFormatting>
  <conditionalFormatting sqref="P53">
    <cfRule type="duplicateValues" dxfId="386" priority="49"/>
  </conditionalFormatting>
  <conditionalFormatting sqref="P54">
    <cfRule type="duplicateValues" dxfId="385" priority="48"/>
  </conditionalFormatting>
  <conditionalFormatting sqref="P56">
    <cfRule type="duplicateValues" dxfId="384" priority="46"/>
  </conditionalFormatting>
  <conditionalFormatting sqref="P57">
    <cfRule type="duplicateValues" dxfId="383" priority="45"/>
  </conditionalFormatting>
  <conditionalFormatting sqref="P58">
    <cfRule type="duplicateValues" dxfId="382" priority="335" stopIfTrue="1"/>
  </conditionalFormatting>
  <conditionalFormatting sqref="P59">
    <cfRule type="duplicateValues" dxfId="381" priority="41"/>
  </conditionalFormatting>
  <conditionalFormatting sqref="P60">
    <cfRule type="duplicateValues" dxfId="380" priority="31"/>
  </conditionalFormatting>
  <conditionalFormatting sqref="P61">
    <cfRule type="duplicateValues" dxfId="379" priority="35"/>
  </conditionalFormatting>
  <conditionalFormatting sqref="P63">
    <cfRule type="duplicateValues" dxfId="378" priority="43"/>
  </conditionalFormatting>
  <conditionalFormatting sqref="P64">
    <cfRule type="duplicateValues" dxfId="377" priority="42"/>
  </conditionalFormatting>
  <conditionalFormatting sqref="P65">
    <cfRule type="duplicateValues" dxfId="376" priority="40"/>
  </conditionalFormatting>
  <conditionalFormatting sqref="P66">
    <cfRule type="duplicateValues" dxfId="375" priority="39"/>
  </conditionalFormatting>
  <conditionalFormatting sqref="P67">
    <cfRule type="duplicateValues" dxfId="374" priority="36"/>
  </conditionalFormatting>
  <conditionalFormatting sqref="T9">
    <cfRule type="duplicateValues" dxfId="373" priority="179"/>
  </conditionalFormatting>
  <conditionalFormatting sqref="T10">
    <cfRule type="duplicateValues" dxfId="372" priority="154"/>
  </conditionalFormatting>
  <conditionalFormatting sqref="T11">
    <cfRule type="duplicateValues" dxfId="371" priority="175"/>
    <cfRule type="duplicateValues" dxfId="370" priority="176" stopIfTrue="1"/>
    <cfRule type="duplicateValues" dxfId="369" priority="177" stopIfTrue="1"/>
    <cfRule type="duplicateValues" dxfId="368" priority="178" stopIfTrue="1"/>
  </conditionalFormatting>
  <conditionalFormatting sqref="T12">
    <cfRule type="duplicateValues" dxfId="367" priority="174"/>
  </conditionalFormatting>
  <conditionalFormatting sqref="T13">
    <cfRule type="duplicateValues" dxfId="366" priority="173"/>
  </conditionalFormatting>
  <conditionalFormatting sqref="T14">
    <cfRule type="duplicateValues" dxfId="365" priority="172"/>
  </conditionalFormatting>
  <conditionalFormatting sqref="T15">
    <cfRule type="duplicateValues" dxfId="364" priority="171"/>
  </conditionalFormatting>
  <conditionalFormatting sqref="T16">
    <cfRule type="duplicateValues" dxfId="363" priority="170"/>
  </conditionalFormatting>
  <conditionalFormatting sqref="T17">
    <cfRule type="duplicateValues" dxfId="362" priority="169"/>
  </conditionalFormatting>
  <conditionalFormatting sqref="T18">
    <cfRule type="duplicateValues" dxfId="361" priority="168"/>
  </conditionalFormatting>
  <conditionalFormatting sqref="T19">
    <cfRule type="duplicateValues" dxfId="360" priority="167"/>
  </conditionalFormatting>
  <conditionalFormatting sqref="T20">
    <cfRule type="duplicateValues" dxfId="359" priority="166"/>
  </conditionalFormatting>
  <conditionalFormatting sqref="T21">
    <cfRule type="duplicateValues" dxfId="358" priority="165"/>
  </conditionalFormatting>
  <conditionalFormatting sqref="T22">
    <cfRule type="duplicateValues" dxfId="357" priority="164"/>
  </conditionalFormatting>
  <conditionalFormatting sqref="T24">
    <cfRule type="duplicateValues" dxfId="356" priority="163"/>
  </conditionalFormatting>
  <conditionalFormatting sqref="T25">
    <cfRule type="duplicateValues" dxfId="355" priority="162"/>
  </conditionalFormatting>
  <conditionalFormatting sqref="T26">
    <cfRule type="duplicateValues" dxfId="354" priority="161"/>
  </conditionalFormatting>
  <conditionalFormatting sqref="T27">
    <cfRule type="duplicateValues" dxfId="353" priority="160"/>
  </conditionalFormatting>
  <conditionalFormatting sqref="T28">
    <cfRule type="duplicateValues" dxfId="352" priority="159"/>
  </conditionalFormatting>
  <conditionalFormatting sqref="T29">
    <cfRule type="duplicateValues" dxfId="351" priority="158"/>
  </conditionalFormatting>
  <conditionalFormatting sqref="T30">
    <cfRule type="duplicateValues" dxfId="350" priority="157"/>
  </conditionalFormatting>
  <conditionalFormatting sqref="T31">
    <cfRule type="duplicateValues" dxfId="349" priority="156"/>
  </conditionalFormatting>
  <conditionalFormatting sqref="T32">
    <cfRule type="duplicateValues" dxfId="348" priority="152"/>
  </conditionalFormatting>
  <conditionalFormatting sqref="T33">
    <cfRule type="duplicateValues" dxfId="347" priority="155"/>
  </conditionalFormatting>
  <conditionalFormatting sqref="T34">
    <cfRule type="duplicateValues" dxfId="346" priority="153"/>
  </conditionalFormatting>
  <conditionalFormatting sqref="T35">
    <cfRule type="duplicateValues" dxfId="345" priority="151"/>
  </conditionalFormatting>
  <conditionalFormatting sqref="T40">
    <cfRule type="duplicateValues" dxfId="344" priority="27"/>
    <cfRule type="duplicateValues" dxfId="343" priority="28" stopIfTrue="1"/>
    <cfRule type="duplicateValues" dxfId="342" priority="29" stopIfTrue="1"/>
    <cfRule type="duplicateValues" dxfId="341" priority="30" stopIfTrue="1"/>
  </conditionalFormatting>
  <conditionalFormatting sqref="T41">
    <cfRule type="duplicateValues" dxfId="340" priority="4"/>
  </conditionalFormatting>
  <conditionalFormatting sqref="T42">
    <cfRule type="duplicateValues" dxfId="339" priority="32"/>
  </conditionalFormatting>
  <conditionalFormatting sqref="T43">
    <cfRule type="duplicateValues" dxfId="338" priority="26"/>
  </conditionalFormatting>
  <conditionalFormatting sqref="T44">
    <cfRule type="duplicateValues" dxfId="337" priority="25"/>
  </conditionalFormatting>
  <conditionalFormatting sqref="T45">
    <cfRule type="duplicateValues" dxfId="336" priority="24"/>
  </conditionalFormatting>
  <conditionalFormatting sqref="T46">
    <cfRule type="duplicateValues" dxfId="335" priority="23" stopIfTrue="1"/>
    <cfRule type="duplicateValues" dxfId="334" priority="22" stopIfTrue="1"/>
    <cfRule type="duplicateValues" dxfId="333" priority="21" stopIfTrue="1"/>
  </conditionalFormatting>
  <conditionalFormatting sqref="T48">
    <cfRule type="duplicateValues" dxfId="332" priority="20"/>
  </conditionalFormatting>
  <conditionalFormatting sqref="T49">
    <cfRule type="duplicateValues" dxfId="331" priority="19"/>
  </conditionalFormatting>
  <conditionalFormatting sqref="T50">
    <cfRule type="duplicateValues" dxfId="330" priority="18"/>
  </conditionalFormatting>
  <conditionalFormatting sqref="T51">
    <cfRule type="duplicateValues" dxfId="329" priority="17"/>
  </conditionalFormatting>
  <conditionalFormatting sqref="T52">
    <cfRule type="duplicateValues" dxfId="328" priority="16"/>
  </conditionalFormatting>
  <conditionalFormatting sqref="T54">
    <cfRule type="duplicateValues" dxfId="327" priority="12"/>
  </conditionalFormatting>
  <conditionalFormatting sqref="T55">
    <cfRule type="duplicateValues" dxfId="326" priority="11"/>
  </conditionalFormatting>
  <conditionalFormatting sqref="T56">
    <cfRule type="duplicateValues" dxfId="325" priority="10"/>
  </conditionalFormatting>
  <conditionalFormatting sqref="T57">
    <cfRule type="duplicateValues" dxfId="324" priority="13"/>
  </conditionalFormatting>
  <conditionalFormatting sqref="T58">
    <cfRule type="duplicateValues" dxfId="323" priority="14"/>
  </conditionalFormatting>
  <conditionalFormatting sqref="T59">
    <cfRule type="duplicateValues" dxfId="322" priority="6"/>
  </conditionalFormatting>
  <conditionalFormatting sqref="T60">
    <cfRule type="duplicateValues" dxfId="321" priority="2"/>
  </conditionalFormatting>
  <conditionalFormatting sqref="T61">
    <cfRule type="duplicateValues" dxfId="320" priority="8"/>
  </conditionalFormatting>
  <conditionalFormatting sqref="T62">
    <cfRule type="duplicateValues" dxfId="319" priority="9"/>
  </conditionalFormatting>
  <conditionalFormatting sqref="T63">
    <cfRule type="duplicateValues" dxfId="318" priority="7"/>
  </conditionalFormatting>
  <conditionalFormatting sqref="T64">
    <cfRule type="duplicateValues" dxfId="317" priority="3"/>
  </conditionalFormatting>
  <conditionalFormatting sqref="T66">
    <cfRule type="duplicateValues" dxfId="316" priority="5"/>
  </conditionalFormatting>
  <conditionalFormatting sqref="T67">
    <cfRule type="duplicateValues" dxfId="315" priority="1" stopIfTrue="1"/>
  </conditionalFormatting>
  <pageMargins left="0.75" right="0.75" top="1" bottom="1" header="0.5" footer="0.5"/>
  <pageSetup orientation="portrait" horizontalDpi="200" verticalDpi="2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T67"/>
  <sheetViews>
    <sheetView tabSelected="1" topLeftCell="A2" workbookViewId="0">
      <selection activeCell="K29" sqref="K29"/>
    </sheetView>
  </sheetViews>
  <sheetFormatPr defaultRowHeight="12.75" x14ac:dyDescent="0.2"/>
  <cols>
    <col min="1" max="1" width="8.7109375" customWidth="1"/>
    <col min="3" max="4" width="17.7109375" customWidth="1"/>
    <col min="7" max="7" width="16" customWidth="1"/>
    <col min="8" max="8" width="20" bestFit="1" customWidth="1"/>
    <col min="11" max="11" width="18.42578125" bestFit="1" customWidth="1"/>
    <col min="12" max="12" width="17.7109375" customWidth="1"/>
    <col min="15" max="15" width="24.140625" customWidth="1"/>
    <col min="16" max="16" width="16.28515625" customWidth="1"/>
    <col min="18" max="18" width="9.28515625" customWidth="1"/>
    <col min="19" max="19" width="19.5703125" customWidth="1"/>
    <col min="20" max="20" width="18.5703125" customWidth="1"/>
  </cols>
  <sheetData>
    <row r="1" spans="1:20" x14ac:dyDescent="0.2">
      <c r="A1" s="3"/>
    </row>
    <row r="2" spans="1:20" x14ac:dyDescent="0.2">
      <c r="A2" s="3"/>
    </row>
    <row r="6" spans="1:20" x14ac:dyDescent="0.2">
      <c r="A6" t="s">
        <v>0</v>
      </c>
      <c r="B6" s="13"/>
      <c r="E6" s="10" t="s">
        <v>1</v>
      </c>
      <c r="F6" s="10"/>
      <c r="I6" t="s">
        <v>2</v>
      </c>
      <c r="J6" s="13"/>
      <c r="M6" s="10" t="s">
        <v>32</v>
      </c>
      <c r="N6" s="10"/>
      <c r="Q6" s="27" t="s">
        <v>434</v>
      </c>
      <c r="R6" s="10"/>
    </row>
    <row r="7" spans="1:20" x14ac:dyDescent="0.2">
      <c r="A7" t="s">
        <v>12</v>
      </c>
      <c r="B7" t="s">
        <v>13</v>
      </c>
      <c r="C7" t="s">
        <v>12</v>
      </c>
      <c r="D7" t="s">
        <v>33</v>
      </c>
      <c r="E7" t="s">
        <v>12</v>
      </c>
      <c r="F7" t="s">
        <v>13</v>
      </c>
      <c r="G7" t="s">
        <v>12</v>
      </c>
      <c r="H7" t="s">
        <v>33</v>
      </c>
      <c r="I7" t="s">
        <v>12</v>
      </c>
      <c r="J7" t="s">
        <v>13</v>
      </c>
      <c r="K7" t="s">
        <v>12</v>
      </c>
      <c r="L7" t="s">
        <v>33</v>
      </c>
      <c r="M7" t="s">
        <v>12</v>
      </c>
      <c r="N7" t="s">
        <v>13</v>
      </c>
      <c r="Q7" t="s">
        <v>12</v>
      </c>
      <c r="R7" t="s">
        <v>13</v>
      </c>
    </row>
    <row r="8" spans="1:20" x14ac:dyDescent="0.2">
      <c r="A8" s="15" t="s">
        <v>15</v>
      </c>
      <c r="B8" s="3"/>
      <c r="C8" s="23" t="s">
        <v>381</v>
      </c>
      <c r="D8" s="25" t="s">
        <v>382</v>
      </c>
      <c r="E8" s="15" t="s">
        <v>15</v>
      </c>
      <c r="F8" s="3"/>
      <c r="G8" s="25" t="s">
        <v>385</v>
      </c>
      <c r="H8" s="3"/>
      <c r="I8" s="15" t="s">
        <v>15</v>
      </c>
      <c r="J8" s="3"/>
      <c r="K8" s="25" t="s">
        <v>392</v>
      </c>
      <c r="L8" s="6"/>
      <c r="M8" s="15" t="s">
        <v>15</v>
      </c>
      <c r="N8" s="3"/>
      <c r="O8" s="25" t="s">
        <v>392</v>
      </c>
      <c r="Q8" s="20" t="s">
        <v>25</v>
      </c>
      <c r="R8" s="3"/>
      <c r="S8" s="23" t="s">
        <v>435</v>
      </c>
      <c r="T8" s="22" t="s">
        <v>436</v>
      </c>
    </row>
    <row r="9" spans="1:20" x14ac:dyDescent="0.2">
      <c r="A9" s="15" t="s">
        <v>14</v>
      </c>
      <c r="B9" s="3"/>
      <c r="C9" s="22" t="s">
        <v>383</v>
      </c>
      <c r="D9" s="26" t="s">
        <v>382</v>
      </c>
      <c r="E9" s="15" t="s">
        <v>7</v>
      </c>
      <c r="F9" s="3"/>
      <c r="G9" s="22" t="s">
        <v>412</v>
      </c>
      <c r="H9" s="19" t="s">
        <v>382</v>
      </c>
      <c r="I9" s="15" t="s">
        <v>14</v>
      </c>
      <c r="J9" s="3"/>
      <c r="K9" s="25" t="s">
        <v>392</v>
      </c>
      <c r="L9" s="9"/>
      <c r="M9" s="15" t="s">
        <v>7</v>
      </c>
      <c r="N9" s="3"/>
      <c r="O9" s="25" t="s">
        <v>392</v>
      </c>
      <c r="Q9" s="20" t="s">
        <v>14</v>
      </c>
      <c r="R9" s="3"/>
      <c r="S9" s="21" t="s">
        <v>441</v>
      </c>
      <c r="T9" s="22" t="s">
        <v>408</v>
      </c>
    </row>
    <row r="10" spans="1:20" x14ac:dyDescent="0.2">
      <c r="A10" s="15" t="s">
        <v>7</v>
      </c>
      <c r="B10" s="3"/>
      <c r="C10" s="22" t="s">
        <v>384</v>
      </c>
      <c r="D10" s="25" t="s">
        <v>382</v>
      </c>
      <c r="E10" s="15" t="s">
        <v>14</v>
      </c>
      <c r="F10" s="3"/>
      <c r="G10" s="25" t="s">
        <v>392</v>
      </c>
      <c r="H10" s="6"/>
      <c r="I10" s="15" t="s">
        <v>7</v>
      </c>
      <c r="J10" s="3"/>
      <c r="K10" s="23" t="s">
        <v>428</v>
      </c>
      <c r="L10" s="25" t="s">
        <v>382</v>
      </c>
      <c r="M10" s="15" t="s">
        <v>14</v>
      </c>
      <c r="N10" s="3"/>
      <c r="O10" s="25" t="s">
        <v>392</v>
      </c>
      <c r="Q10" s="20" t="s">
        <v>7</v>
      </c>
      <c r="R10" s="3"/>
      <c r="S10" s="21" t="s">
        <v>439</v>
      </c>
      <c r="T10" s="19" t="s">
        <v>382</v>
      </c>
    </row>
    <row r="11" spans="1:20" x14ac:dyDescent="0.2">
      <c r="A11" s="20" t="s">
        <v>40</v>
      </c>
      <c r="B11" s="3"/>
      <c r="C11" s="25" t="s">
        <v>392</v>
      </c>
      <c r="D11" s="3"/>
      <c r="E11" s="20" t="s">
        <v>40</v>
      </c>
      <c r="F11" s="3"/>
      <c r="G11" s="25" t="s">
        <v>392</v>
      </c>
      <c r="H11" s="6"/>
      <c r="I11" s="20" t="s">
        <v>40</v>
      </c>
      <c r="J11" s="3"/>
      <c r="K11" s="25" t="s">
        <v>392</v>
      </c>
      <c r="L11" s="3"/>
      <c r="M11" s="20" t="s">
        <v>40</v>
      </c>
      <c r="N11" s="3"/>
      <c r="O11" s="25" t="s">
        <v>392</v>
      </c>
      <c r="Q11" s="20" t="s">
        <v>25</v>
      </c>
      <c r="R11" s="3"/>
      <c r="S11" s="23" t="s">
        <v>437</v>
      </c>
      <c r="T11" s="22" t="s">
        <v>438</v>
      </c>
    </row>
    <row r="12" spans="1:20" x14ac:dyDescent="0.2">
      <c r="A12" s="15" t="s">
        <v>4</v>
      </c>
      <c r="B12" s="3"/>
      <c r="C12" s="22" t="s">
        <v>386</v>
      </c>
      <c r="D12" s="25" t="s">
        <v>382</v>
      </c>
      <c r="E12" s="15" t="s">
        <v>41</v>
      </c>
      <c r="F12" s="3"/>
      <c r="G12" s="23" t="s">
        <v>413</v>
      </c>
      <c r="H12" s="19" t="s">
        <v>382</v>
      </c>
      <c r="I12" s="15" t="s">
        <v>4</v>
      </c>
      <c r="J12" s="3"/>
      <c r="K12" s="25" t="s">
        <v>392</v>
      </c>
      <c r="L12" s="6"/>
      <c r="M12" s="15" t="s">
        <v>41</v>
      </c>
      <c r="N12" s="3"/>
      <c r="O12" s="25" t="s">
        <v>392</v>
      </c>
      <c r="Q12" s="20" t="s">
        <v>7</v>
      </c>
      <c r="R12" s="3"/>
      <c r="S12" s="21" t="s">
        <v>440</v>
      </c>
      <c r="T12" s="22" t="s">
        <v>382</v>
      </c>
    </row>
    <row r="13" spans="1:20" x14ac:dyDescent="0.2">
      <c r="A13" s="15" t="s">
        <v>21</v>
      </c>
      <c r="B13" s="3"/>
      <c r="C13" s="25" t="s">
        <v>392</v>
      </c>
      <c r="D13" s="6"/>
      <c r="E13" s="15" t="s">
        <v>20</v>
      </c>
      <c r="F13" s="3"/>
      <c r="G13" s="23" t="s">
        <v>414</v>
      </c>
      <c r="H13" s="25" t="s">
        <v>382</v>
      </c>
      <c r="I13" s="15" t="s">
        <v>21</v>
      </c>
      <c r="J13" s="3"/>
      <c r="K13" s="25" t="s">
        <v>392</v>
      </c>
      <c r="L13" s="6"/>
      <c r="M13" s="15" t="s">
        <v>20</v>
      </c>
      <c r="N13" s="3"/>
      <c r="O13" s="25" t="s">
        <v>392</v>
      </c>
      <c r="Q13" s="20" t="s">
        <v>14</v>
      </c>
      <c r="R13" s="3"/>
      <c r="S13" s="22" t="s">
        <v>442</v>
      </c>
      <c r="T13" s="22" t="s">
        <v>443</v>
      </c>
    </row>
    <row r="14" spans="1:20" x14ac:dyDescent="0.2">
      <c r="A14" s="15" t="s">
        <v>19</v>
      </c>
      <c r="B14" s="3"/>
      <c r="C14" s="22" t="s">
        <v>387</v>
      </c>
      <c r="D14" s="19" t="s">
        <v>388</v>
      </c>
      <c r="E14" s="15" t="s">
        <v>19</v>
      </c>
      <c r="F14" s="3"/>
      <c r="G14" s="23" t="s">
        <v>416</v>
      </c>
      <c r="H14" s="22" t="s">
        <v>417</v>
      </c>
      <c r="I14" s="15" t="s">
        <v>19</v>
      </c>
      <c r="J14" s="3"/>
      <c r="K14" s="25" t="s">
        <v>392</v>
      </c>
      <c r="L14" s="3"/>
      <c r="M14" s="15" t="s">
        <v>19</v>
      </c>
      <c r="N14" s="3"/>
      <c r="O14" s="25" t="s">
        <v>392</v>
      </c>
      <c r="P14" s="6"/>
      <c r="Q14" s="15"/>
      <c r="R14" s="3"/>
      <c r="S14" s="6"/>
    </row>
    <row r="15" spans="1:20" x14ac:dyDescent="0.2">
      <c r="A15" s="15" t="s">
        <v>20</v>
      </c>
      <c r="B15" s="3"/>
      <c r="C15" s="23" t="s">
        <v>389</v>
      </c>
      <c r="D15" s="19" t="s">
        <v>382</v>
      </c>
      <c r="E15" s="15" t="s">
        <v>21</v>
      </c>
      <c r="F15" s="3"/>
      <c r="G15" s="25" t="s">
        <v>392</v>
      </c>
      <c r="H15" s="6"/>
      <c r="I15" s="15" t="s">
        <v>20</v>
      </c>
      <c r="J15" s="3"/>
      <c r="K15" s="23" t="s">
        <v>415</v>
      </c>
      <c r="L15" s="19" t="s">
        <v>382</v>
      </c>
      <c r="M15" s="15" t="s">
        <v>21</v>
      </c>
      <c r="N15" s="3"/>
      <c r="O15" s="25" t="s">
        <v>392</v>
      </c>
      <c r="P15" s="6"/>
      <c r="Q15" s="15"/>
      <c r="R15" s="3"/>
      <c r="S15" s="6"/>
      <c r="T15" s="6"/>
    </row>
    <row r="16" spans="1:20" x14ac:dyDescent="0.2">
      <c r="A16" s="15" t="s">
        <v>41</v>
      </c>
      <c r="B16" s="3"/>
      <c r="C16" s="22" t="s">
        <v>390</v>
      </c>
      <c r="D16" s="19" t="s">
        <v>382</v>
      </c>
      <c r="E16" s="15" t="s">
        <v>4</v>
      </c>
      <c r="F16" s="3"/>
      <c r="G16" s="25" t="s">
        <v>392</v>
      </c>
      <c r="H16" s="6"/>
      <c r="I16" s="15" t="s">
        <v>41</v>
      </c>
      <c r="J16" s="3"/>
      <c r="K16" s="25" t="s">
        <v>392</v>
      </c>
      <c r="L16" s="3"/>
      <c r="M16" s="15" t="s">
        <v>4</v>
      </c>
      <c r="N16" s="3"/>
      <c r="O16" s="25" t="s">
        <v>392</v>
      </c>
      <c r="Q16" s="15"/>
      <c r="R16" s="3"/>
      <c r="S16" s="6"/>
    </row>
    <row r="17" spans="1:20" x14ac:dyDescent="0.2">
      <c r="A17" s="15" t="s">
        <v>37</v>
      </c>
      <c r="B17" s="3"/>
      <c r="C17" s="23" t="s">
        <v>391</v>
      </c>
      <c r="D17" s="25" t="s">
        <v>382</v>
      </c>
      <c r="E17" s="15" t="s">
        <v>45</v>
      </c>
      <c r="F17" s="3"/>
      <c r="G17" s="22" t="s">
        <v>418</v>
      </c>
      <c r="H17" s="21" t="s">
        <v>419</v>
      </c>
      <c r="I17" s="15" t="s">
        <v>37</v>
      </c>
      <c r="J17" s="3"/>
      <c r="K17" s="25" t="s">
        <v>392</v>
      </c>
      <c r="L17" s="6"/>
      <c r="M17" s="15" t="s">
        <v>45</v>
      </c>
      <c r="N17" s="3"/>
      <c r="O17" s="25" t="s">
        <v>392</v>
      </c>
      <c r="P17" s="3"/>
      <c r="Q17" s="15"/>
      <c r="R17" s="3"/>
      <c r="S17" s="6"/>
      <c r="T17" s="6"/>
    </row>
    <row r="18" spans="1:20" x14ac:dyDescent="0.2">
      <c r="A18" s="15" t="s">
        <v>10</v>
      </c>
      <c r="B18" s="3"/>
      <c r="C18" s="25" t="s">
        <v>392</v>
      </c>
      <c r="D18" s="3"/>
      <c r="E18" s="15" t="s">
        <v>44</v>
      </c>
      <c r="F18" s="3"/>
      <c r="G18" s="22" t="s">
        <v>420</v>
      </c>
      <c r="H18" s="22" t="s">
        <v>382</v>
      </c>
      <c r="I18" s="15" t="s">
        <v>10</v>
      </c>
      <c r="J18" s="3"/>
      <c r="K18" s="25" t="s">
        <v>392</v>
      </c>
      <c r="L18" s="3"/>
      <c r="M18" s="15" t="s">
        <v>44</v>
      </c>
      <c r="N18" s="3"/>
      <c r="O18" s="25" t="s">
        <v>392</v>
      </c>
      <c r="Q18" s="15"/>
      <c r="R18" s="3"/>
      <c r="S18" s="6"/>
    </row>
    <row r="19" spans="1:20" x14ac:dyDescent="0.2">
      <c r="A19" s="15" t="s">
        <v>44</v>
      </c>
      <c r="B19" s="3"/>
      <c r="C19" s="22" t="s">
        <v>393</v>
      </c>
      <c r="D19" s="25" t="s">
        <v>382</v>
      </c>
      <c r="E19" s="15" t="s">
        <v>10</v>
      </c>
      <c r="F19" s="3"/>
      <c r="G19" s="25" t="s">
        <v>392</v>
      </c>
      <c r="H19" s="3"/>
      <c r="I19" s="15" t="s">
        <v>44</v>
      </c>
      <c r="J19" s="3"/>
      <c r="K19" s="25" t="s">
        <v>392</v>
      </c>
      <c r="L19" s="6"/>
      <c r="M19" s="15" t="s">
        <v>10</v>
      </c>
      <c r="N19" s="3"/>
      <c r="O19" s="25" t="s">
        <v>392</v>
      </c>
      <c r="Q19" s="15"/>
      <c r="R19" s="3"/>
      <c r="S19" s="6"/>
    </row>
    <row r="20" spans="1:20" x14ac:dyDescent="0.2">
      <c r="A20" s="15" t="s">
        <v>45</v>
      </c>
      <c r="B20" s="3"/>
      <c r="C20" s="21" t="s">
        <v>395</v>
      </c>
      <c r="D20" s="22" t="s">
        <v>394</v>
      </c>
      <c r="E20" s="15" t="s">
        <v>37</v>
      </c>
      <c r="F20" s="3"/>
      <c r="G20" s="23" t="s">
        <v>421</v>
      </c>
      <c r="H20" s="22" t="s">
        <v>444</v>
      </c>
      <c r="I20" s="15" t="s">
        <v>45</v>
      </c>
      <c r="J20" s="3"/>
      <c r="K20" s="25" t="s">
        <v>392</v>
      </c>
      <c r="L20" s="6"/>
      <c r="M20" s="15" t="s">
        <v>37</v>
      </c>
      <c r="N20" s="3"/>
      <c r="O20" s="25" t="s">
        <v>392</v>
      </c>
      <c r="Q20" s="15"/>
      <c r="R20" s="3"/>
      <c r="S20" s="6"/>
    </row>
    <row r="21" spans="1:20" x14ac:dyDescent="0.2">
      <c r="A21" s="15" t="s">
        <v>18</v>
      </c>
      <c r="B21" s="3"/>
      <c r="C21" s="23" t="s">
        <v>396</v>
      </c>
      <c r="D21" s="21" t="s">
        <v>397</v>
      </c>
      <c r="E21" s="15" t="s">
        <v>24</v>
      </c>
      <c r="F21" s="3"/>
      <c r="G21" s="25" t="s">
        <v>392</v>
      </c>
      <c r="H21" s="6"/>
      <c r="I21" s="15" t="s">
        <v>18</v>
      </c>
      <c r="J21" s="3"/>
      <c r="K21" s="25" t="s">
        <v>392</v>
      </c>
      <c r="L21" s="6"/>
      <c r="M21" s="15" t="s">
        <v>24</v>
      </c>
      <c r="N21" s="3"/>
      <c r="O21" s="25" t="s">
        <v>392</v>
      </c>
      <c r="Q21" s="15"/>
      <c r="R21" s="3"/>
      <c r="S21" s="6"/>
    </row>
    <row r="22" spans="1:20" x14ac:dyDescent="0.2">
      <c r="A22" s="15" t="s">
        <v>24</v>
      </c>
      <c r="B22" s="3"/>
      <c r="C22" s="25" t="s">
        <v>392</v>
      </c>
      <c r="D22" s="6"/>
      <c r="E22" s="15" t="s">
        <v>18</v>
      </c>
      <c r="F22" s="3"/>
      <c r="G22" s="25" t="s">
        <v>392</v>
      </c>
      <c r="H22" s="6"/>
      <c r="I22" s="15" t="s">
        <v>24</v>
      </c>
      <c r="J22" s="3"/>
      <c r="K22" s="25" t="s">
        <v>392</v>
      </c>
      <c r="L22" s="6"/>
      <c r="M22" s="15" t="s">
        <v>18</v>
      </c>
      <c r="N22" s="3"/>
      <c r="O22" s="25" t="s">
        <v>392</v>
      </c>
      <c r="Q22" s="15"/>
      <c r="R22" s="3"/>
      <c r="S22" s="6"/>
    </row>
    <row r="23" spans="1:20" x14ac:dyDescent="0.2">
      <c r="A23" s="15" t="s">
        <v>9</v>
      </c>
      <c r="B23" s="3"/>
      <c r="C23" s="25" t="s">
        <v>392</v>
      </c>
      <c r="D23" s="6"/>
      <c r="E23" s="15" t="s">
        <v>9</v>
      </c>
      <c r="F23" s="3"/>
      <c r="G23" s="25" t="s">
        <v>392</v>
      </c>
      <c r="H23" s="6"/>
      <c r="I23" s="15" t="s">
        <v>9</v>
      </c>
      <c r="J23" s="3"/>
      <c r="K23" s="25" t="s">
        <v>392</v>
      </c>
      <c r="L23" s="6"/>
      <c r="M23" s="15" t="s">
        <v>9</v>
      </c>
      <c r="N23" s="3"/>
      <c r="O23" s="25" t="s">
        <v>392</v>
      </c>
      <c r="P23" s="6"/>
      <c r="Q23" s="15"/>
      <c r="R23" s="3"/>
      <c r="S23" s="6"/>
      <c r="T23" s="6"/>
    </row>
    <row r="24" spans="1:20" x14ac:dyDescent="0.2">
      <c r="A24" s="15" t="s">
        <v>26</v>
      </c>
      <c r="B24" s="3"/>
      <c r="C24" s="23" t="s">
        <v>398</v>
      </c>
      <c r="D24" s="22" t="s">
        <v>399</v>
      </c>
      <c r="E24" s="15" t="s">
        <v>34</v>
      </c>
      <c r="F24" s="3"/>
      <c r="G24" s="25" t="s">
        <v>392</v>
      </c>
      <c r="I24" s="15" t="s">
        <v>26</v>
      </c>
      <c r="J24" s="3"/>
      <c r="K24" s="25" t="s">
        <v>392</v>
      </c>
      <c r="L24" s="6"/>
      <c r="M24" s="15" t="s">
        <v>34</v>
      </c>
      <c r="N24" s="3"/>
      <c r="O24" s="25" t="s">
        <v>392</v>
      </c>
      <c r="Q24" s="15"/>
      <c r="R24" s="3"/>
      <c r="S24" s="6"/>
    </row>
    <row r="25" spans="1:20" x14ac:dyDescent="0.2">
      <c r="A25" s="15" t="s">
        <v>17</v>
      </c>
      <c r="B25" s="3"/>
      <c r="C25" s="22" t="s">
        <v>400</v>
      </c>
      <c r="D25" s="19" t="s">
        <v>382</v>
      </c>
      <c r="E25" s="15" t="s">
        <v>17</v>
      </c>
      <c r="F25" s="3"/>
      <c r="G25" s="23" t="s">
        <v>422</v>
      </c>
      <c r="H25" s="23" t="s">
        <v>382</v>
      </c>
      <c r="I25" s="15" t="s">
        <v>17</v>
      </c>
      <c r="J25" s="3"/>
      <c r="K25" s="21" t="s">
        <v>429</v>
      </c>
      <c r="L25" s="19" t="s">
        <v>382</v>
      </c>
      <c r="M25" s="15" t="s">
        <v>17</v>
      </c>
      <c r="N25" s="3"/>
      <c r="O25" s="25" t="s">
        <v>392</v>
      </c>
      <c r="Q25" s="15"/>
      <c r="R25" s="3"/>
      <c r="S25" s="6"/>
    </row>
    <row r="26" spans="1:20" x14ac:dyDescent="0.2">
      <c r="A26" s="15" t="s">
        <v>34</v>
      </c>
      <c r="B26" s="3"/>
      <c r="C26" s="23" t="s">
        <v>267</v>
      </c>
      <c r="D26" s="21" t="s">
        <v>401</v>
      </c>
      <c r="E26" s="15" t="s">
        <v>26</v>
      </c>
      <c r="F26" s="3"/>
      <c r="G26" s="25" t="s">
        <v>392</v>
      </c>
      <c r="H26" s="3"/>
      <c r="I26" s="15" t="s">
        <v>34</v>
      </c>
      <c r="J26" s="3"/>
      <c r="K26" s="25" t="s">
        <v>392</v>
      </c>
      <c r="L26" s="3"/>
      <c r="M26" s="15" t="s">
        <v>26</v>
      </c>
      <c r="N26" s="3"/>
      <c r="O26" s="25" t="s">
        <v>392</v>
      </c>
      <c r="Q26" s="15"/>
      <c r="R26" s="3"/>
      <c r="S26" s="6"/>
    </row>
    <row r="27" spans="1:20" x14ac:dyDescent="0.2">
      <c r="A27" s="15" t="s">
        <v>25</v>
      </c>
      <c r="B27" s="3"/>
      <c r="C27" s="23" t="s">
        <v>402</v>
      </c>
      <c r="D27" s="19" t="s">
        <v>382</v>
      </c>
      <c r="E27" s="15" t="s">
        <v>25</v>
      </c>
      <c r="F27" s="3"/>
      <c r="G27" s="23" t="s">
        <v>423</v>
      </c>
      <c r="H27" s="25" t="s">
        <v>382</v>
      </c>
      <c r="I27" s="15" t="s">
        <v>25</v>
      </c>
      <c r="J27" s="3"/>
      <c r="K27" s="22" t="s">
        <v>430</v>
      </c>
      <c r="L27" s="22" t="s">
        <v>382</v>
      </c>
      <c r="M27" s="15" t="s">
        <v>25</v>
      </c>
      <c r="N27" s="3"/>
      <c r="O27" s="22" t="s">
        <v>433</v>
      </c>
      <c r="P27" s="6"/>
      <c r="Q27" s="15"/>
      <c r="R27" s="3"/>
      <c r="S27" s="6"/>
    </row>
    <row r="28" spans="1:20" x14ac:dyDescent="0.2">
      <c r="A28" s="15" t="s">
        <v>8</v>
      </c>
      <c r="B28" s="3"/>
      <c r="C28" s="25" t="s">
        <v>392</v>
      </c>
      <c r="D28" s="6"/>
      <c r="E28" s="15" t="s">
        <v>39</v>
      </c>
      <c r="F28" s="3"/>
      <c r="G28" s="23" t="s">
        <v>424</v>
      </c>
      <c r="H28" s="22" t="s">
        <v>425</v>
      </c>
      <c r="I28" s="15" t="s">
        <v>8</v>
      </c>
      <c r="J28" s="3"/>
      <c r="K28" s="25" t="s">
        <v>392</v>
      </c>
      <c r="L28" s="6"/>
      <c r="M28" s="15" t="s">
        <v>39</v>
      </c>
      <c r="N28" s="3"/>
      <c r="O28" s="25" t="s">
        <v>392</v>
      </c>
      <c r="Q28" s="15"/>
      <c r="R28" s="3"/>
      <c r="S28" s="6"/>
    </row>
    <row r="29" spans="1:20" x14ac:dyDescent="0.2">
      <c r="A29" s="15" t="s">
        <v>39</v>
      </c>
      <c r="B29" s="3"/>
      <c r="C29" s="23" t="s">
        <v>445</v>
      </c>
      <c r="D29" s="22" t="s">
        <v>403</v>
      </c>
      <c r="E29" s="15" t="s">
        <v>8</v>
      </c>
      <c r="F29" s="3"/>
      <c r="G29" s="19" t="s">
        <v>392</v>
      </c>
      <c r="H29" s="3"/>
      <c r="I29" s="15" t="s">
        <v>39</v>
      </c>
      <c r="J29" s="3"/>
      <c r="K29" s="23" t="s">
        <v>447</v>
      </c>
      <c r="L29" s="25" t="s">
        <v>446</v>
      </c>
      <c r="M29" s="15" t="s">
        <v>8</v>
      </c>
      <c r="N29" s="3"/>
      <c r="O29" s="25" t="s">
        <v>392</v>
      </c>
      <c r="P29" s="6"/>
      <c r="Q29" s="15"/>
      <c r="R29" s="3"/>
      <c r="T29" s="6"/>
    </row>
    <row r="30" spans="1:20" x14ac:dyDescent="0.2">
      <c r="A30" s="15" t="s">
        <v>11</v>
      </c>
      <c r="B30" s="3"/>
      <c r="C30" s="23" t="s">
        <v>404</v>
      </c>
      <c r="D30" s="22" t="s">
        <v>405</v>
      </c>
      <c r="E30" s="15" t="s">
        <v>11</v>
      </c>
      <c r="F30" s="3"/>
      <c r="G30" s="25" t="s">
        <v>392</v>
      </c>
      <c r="H30" s="3"/>
      <c r="I30" s="15" t="s">
        <v>11</v>
      </c>
      <c r="J30" s="3"/>
      <c r="K30" s="25" t="s">
        <v>392</v>
      </c>
      <c r="L30" s="3"/>
      <c r="M30" s="15" t="s">
        <v>11</v>
      </c>
      <c r="N30" s="3"/>
      <c r="O30" s="25" t="s">
        <v>392</v>
      </c>
      <c r="Q30" s="15"/>
      <c r="R30" s="3"/>
      <c r="S30" s="6"/>
    </row>
    <row r="31" spans="1:20" x14ac:dyDescent="0.2">
      <c r="A31" s="15" t="s">
        <v>42</v>
      </c>
      <c r="B31" s="3"/>
      <c r="C31" s="23" t="s">
        <v>406</v>
      </c>
      <c r="D31" s="22" t="s">
        <v>382</v>
      </c>
      <c r="E31" s="15" t="s">
        <v>42</v>
      </c>
      <c r="F31" s="3"/>
      <c r="G31" s="23" t="s">
        <v>426</v>
      </c>
      <c r="H31" s="25" t="s">
        <v>382</v>
      </c>
      <c r="I31" s="15" t="s">
        <v>42</v>
      </c>
      <c r="J31" s="3"/>
      <c r="K31" s="23" t="s">
        <v>431</v>
      </c>
      <c r="L31" s="23" t="s">
        <v>382</v>
      </c>
      <c r="M31" s="15" t="s">
        <v>42</v>
      </c>
      <c r="N31" s="3"/>
      <c r="O31" s="25" t="s">
        <v>392</v>
      </c>
      <c r="P31" s="6"/>
      <c r="Q31" s="15"/>
      <c r="R31" s="3"/>
      <c r="S31" s="6"/>
    </row>
    <row r="32" spans="1:20" x14ac:dyDescent="0.2">
      <c r="A32" s="15" t="s">
        <v>5</v>
      </c>
      <c r="B32" s="3"/>
      <c r="C32" s="23" t="s">
        <v>407</v>
      </c>
      <c r="D32" s="22" t="s">
        <v>408</v>
      </c>
      <c r="E32" s="15" t="s">
        <v>5</v>
      </c>
      <c r="F32" s="3"/>
      <c r="G32" s="25" t="s">
        <v>392</v>
      </c>
      <c r="H32" s="3"/>
      <c r="I32" s="15" t="s">
        <v>5</v>
      </c>
      <c r="J32" s="3"/>
      <c r="K32" s="25" t="s">
        <v>392</v>
      </c>
      <c r="L32" s="3"/>
      <c r="M32" s="15" t="s">
        <v>5</v>
      </c>
      <c r="N32" s="3"/>
      <c r="O32" s="25" t="s">
        <v>392</v>
      </c>
      <c r="Q32" s="15"/>
      <c r="R32" s="3"/>
      <c r="S32" s="6"/>
    </row>
    <row r="33" spans="1:19" x14ac:dyDescent="0.2">
      <c r="A33" s="15" t="s">
        <v>22</v>
      </c>
      <c r="B33" s="3"/>
      <c r="C33" s="25" t="s">
        <v>392</v>
      </c>
      <c r="E33" s="15" t="s">
        <v>22</v>
      </c>
      <c r="F33" s="3"/>
      <c r="G33" s="25" t="s">
        <v>392</v>
      </c>
      <c r="H33" s="3"/>
      <c r="I33" s="15" t="s">
        <v>22</v>
      </c>
      <c r="J33" s="3"/>
      <c r="K33" s="25" t="s">
        <v>392</v>
      </c>
      <c r="M33" s="15" t="s">
        <v>22</v>
      </c>
      <c r="N33" s="3"/>
      <c r="O33" s="25" t="s">
        <v>392</v>
      </c>
      <c r="Q33" s="15"/>
      <c r="R33" s="3"/>
      <c r="S33" s="6"/>
    </row>
    <row r="34" spans="1:19" x14ac:dyDescent="0.2">
      <c r="A34" s="15" t="s">
        <v>6</v>
      </c>
      <c r="B34" s="3"/>
      <c r="C34" s="23" t="s">
        <v>409</v>
      </c>
      <c r="D34" s="22" t="s">
        <v>410</v>
      </c>
      <c r="E34" s="15" t="s">
        <v>6</v>
      </c>
      <c r="F34" s="3"/>
      <c r="G34" s="25" t="s">
        <v>392</v>
      </c>
      <c r="H34" s="6"/>
      <c r="I34" s="15" t="s">
        <v>6</v>
      </c>
      <c r="J34" s="3"/>
      <c r="K34" s="25" t="s">
        <v>392</v>
      </c>
      <c r="M34" s="15" t="s">
        <v>6</v>
      </c>
      <c r="N34" s="3"/>
      <c r="O34" s="25" t="s">
        <v>392</v>
      </c>
      <c r="Q34" s="15"/>
      <c r="R34" s="3"/>
      <c r="S34" s="6"/>
    </row>
    <row r="35" spans="1:19" x14ac:dyDescent="0.2">
      <c r="A35" s="15" t="s">
        <v>23</v>
      </c>
      <c r="B35" s="3"/>
      <c r="C35" s="22" t="s">
        <v>411</v>
      </c>
      <c r="D35" s="19" t="s">
        <v>382</v>
      </c>
      <c r="E35" s="15" t="s">
        <v>23</v>
      </c>
      <c r="F35" s="3"/>
      <c r="G35" s="23" t="s">
        <v>427</v>
      </c>
      <c r="H35" s="25" t="s">
        <v>382</v>
      </c>
      <c r="I35" s="15" t="s">
        <v>23</v>
      </c>
      <c r="J35" s="3"/>
      <c r="K35" s="23" t="s">
        <v>432</v>
      </c>
      <c r="L35" s="23" t="s">
        <v>382</v>
      </c>
      <c r="M35" s="15" t="s">
        <v>23</v>
      </c>
      <c r="N35" s="3"/>
      <c r="O35" s="25" t="s">
        <v>392</v>
      </c>
      <c r="P35" s="6"/>
      <c r="Q35" s="15"/>
      <c r="R35" s="3"/>
      <c r="S35" s="6"/>
    </row>
    <row r="38" spans="1:19" x14ac:dyDescent="0.2">
      <c r="A38" s="10"/>
      <c r="B38" s="10"/>
    </row>
    <row r="40" spans="1:19" x14ac:dyDescent="0.2">
      <c r="A40" s="15"/>
      <c r="B40" s="3"/>
      <c r="C40" s="6"/>
      <c r="D40" s="6"/>
      <c r="E40" s="15"/>
      <c r="F40" s="3"/>
      <c r="G40" s="6"/>
    </row>
    <row r="41" spans="1:19" x14ac:dyDescent="0.2">
      <c r="A41" s="15"/>
      <c r="B41" s="3"/>
      <c r="C41" s="6"/>
      <c r="D41" s="9"/>
      <c r="E41" s="15"/>
      <c r="F41" s="3"/>
      <c r="G41" s="6"/>
    </row>
    <row r="42" spans="1:19" x14ac:dyDescent="0.2">
      <c r="A42" s="15"/>
      <c r="B42" s="3"/>
      <c r="C42" s="6"/>
      <c r="D42" s="6"/>
      <c r="E42" s="15"/>
      <c r="F42" s="3"/>
      <c r="G42" s="6"/>
    </row>
    <row r="43" spans="1:19" x14ac:dyDescent="0.2">
      <c r="A43" s="20"/>
      <c r="B43" s="3"/>
      <c r="C43" s="6"/>
      <c r="D43" s="3"/>
      <c r="E43" s="20"/>
      <c r="F43" s="3"/>
      <c r="G43" s="6"/>
    </row>
    <row r="44" spans="1:19" x14ac:dyDescent="0.2">
      <c r="A44" s="15"/>
      <c r="B44" s="3"/>
      <c r="C44" s="6"/>
      <c r="D44" s="6"/>
      <c r="E44" s="15"/>
      <c r="F44" s="3"/>
      <c r="G44" s="6"/>
    </row>
    <row r="45" spans="1:19" x14ac:dyDescent="0.2">
      <c r="A45" s="15"/>
      <c r="B45" s="3"/>
      <c r="C45" s="6"/>
      <c r="D45" s="6"/>
      <c r="E45" s="15"/>
      <c r="F45" s="3"/>
      <c r="G45" s="6"/>
    </row>
    <row r="46" spans="1:19" x14ac:dyDescent="0.2">
      <c r="A46" s="15"/>
      <c r="B46" s="3"/>
      <c r="C46" s="6"/>
      <c r="D46" s="3"/>
      <c r="E46" s="15"/>
      <c r="F46" s="3"/>
      <c r="G46" s="6"/>
    </row>
    <row r="47" spans="1:19" x14ac:dyDescent="0.2">
      <c r="A47" s="15"/>
      <c r="B47" s="3"/>
      <c r="C47" s="6"/>
      <c r="D47" s="3"/>
      <c r="E47" s="15"/>
      <c r="F47" s="3"/>
      <c r="G47" s="6"/>
      <c r="H47" s="6"/>
    </row>
    <row r="48" spans="1:19" x14ac:dyDescent="0.2">
      <c r="A48" s="15"/>
      <c r="B48" s="3"/>
      <c r="C48" s="6"/>
      <c r="D48" s="3"/>
      <c r="E48" s="15"/>
      <c r="F48" s="3"/>
      <c r="G48" s="6"/>
    </row>
    <row r="49" spans="1:8" x14ac:dyDescent="0.2">
      <c r="A49" s="15"/>
      <c r="B49" s="3"/>
      <c r="C49" s="6"/>
      <c r="D49" s="6"/>
      <c r="E49" s="15"/>
      <c r="F49" s="3"/>
      <c r="G49" s="6"/>
    </row>
    <row r="50" spans="1:8" x14ac:dyDescent="0.2">
      <c r="A50" s="15"/>
      <c r="B50" s="3"/>
      <c r="C50" s="6"/>
      <c r="D50" s="3"/>
      <c r="E50" s="15"/>
      <c r="F50" s="3"/>
      <c r="G50" s="6"/>
    </row>
    <row r="51" spans="1:8" x14ac:dyDescent="0.2">
      <c r="A51" s="15"/>
      <c r="B51" s="3"/>
      <c r="C51" s="6"/>
      <c r="D51" s="6"/>
      <c r="E51" s="15"/>
      <c r="F51" s="3"/>
      <c r="G51" s="6"/>
    </row>
    <row r="52" spans="1:8" x14ac:dyDescent="0.2">
      <c r="A52" s="15"/>
      <c r="B52" s="3"/>
      <c r="C52" s="6"/>
      <c r="D52" s="6"/>
      <c r="E52" s="15"/>
      <c r="F52" s="3"/>
      <c r="G52" s="6"/>
    </row>
    <row r="53" spans="1:8" x14ac:dyDescent="0.2">
      <c r="A53" s="15"/>
      <c r="B53" s="3"/>
      <c r="C53" s="6"/>
      <c r="D53" s="6"/>
      <c r="E53" s="15"/>
      <c r="F53" s="3"/>
      <c r="G53" s="6"/>
    </row>
    <row r="54" spans="1:8" x14ac:dyDescent="0.2">
      <c r="A54" s="15"/>
      <c r="B54" s="3"/>
      <c r="C54" s="6"/>
      <c r="D54" s="6"/>
      <c r="E54" s="15"/>
      <c r="F54" s="3"/>
      <c r="G54" s="6"/>
    </row>
    <row r="55" spans="1:8" x14ac:dyDescent="0.2">
      <c r="A55" s="15"/>
      <c r="B55" s="3"/>
      <c r="C55" s="6"/>
      <c r="D55" s="6"/>
      <c r="E55" s="15"/>
      <c r="F55" s="3"/>
      <c r="G55" s="6"/>
      <c r="H55" s="6"/>
    </row>
    <row r="56" spans="1:8" x14ac:dyDescent="0.2">
      <c r="A56" s="15"/>
      <c r="B56" s="3"/>
      <c r="C56" s="6"/>
      <c r="D56" s="6"/>
      <c r="E56" s="15"/>
      <c r="F56" s="3"/>
      <c r="G56" s="6"/>
    </row>
    <row r="57" spans="1:8" x14ac:dyDescent="0.2">
      <c r="A57" s="15"/>
      <c r="B57" s="3"/>
      <c r="C57" s="6"/>
      <c r="D57" s="3"/>
      <c r="E57" s="15"/>
      <c r="F57" s="3"/>
      <c r="G57" s="6"/>
    </row>
    <row r="58" spans="1:8" x14ac:dyDescent="0.2">
      <c r="A58" s="15"/>
      <c r="B58" s="3"/>
      <c r="C58" s="6"/>
      <c r="D58" s="3"/>
      <c r="E58" s="15"/>
      <c r="F58" s="3"/>
      <c r="G58" s="6"/>
    </row>
    <row r="59" spans="1:8" x14ac:dyDescent="0.2">
      <c r="A59" s="15"/>
      <c r="B59" s="3"/>
      <c r="C59" s="6"/>
      <c r="D59" s="3"/>
      <c r="E59" s="15"/>
      <c r="F59" s="3"/>
      <c r="G59" s="6"/>
    </row>
    <row r="60" spans="1:8" x14ac:dyDescent="0.2">
      <c r="A60" s="15"/>
      <c r="B60" s="3"/>
      <c r="C60" s="6"/>
      <c r="D60" s="6"/>
      <c r="E60" s="15"/>
      <c r="F60" s="3"/>
      <c r="G60" s="6"/>
    </row>
    <row r="61" spans="1:8" x14ac:dyDescent="0.2">
      <c r="A61" s="15"/>
      <c r="B61" s="3"/>
      <c r="D61" s="6"/>
      <c r="E61" s="15"/>
      <c r="F61" s="3"/>
    </row>
    <row r="62" spans="1:8" x14ac:dyDescent="0.2">
      <c r="A62" s="15"/>
      <c r="B62" s="3"/>
      <c r="C62" s="6"/>
      <c r="D62" s="3"/>
      <c r="E62" s="15"/>
      <c r="F62" s="3"/>
      <c r="G62" s="6"/>
    </row>
    <row r="63" spans="1:8" x14ac:dyDescent="0.2">
      <c r="A63" s="15"/>
      <c r="B63" s="3"/>
      <c r="C63" s="6"/>
      <c r="D63" s="3"/>
      <c r="E63" s="15"/>
      <c r="F63" s="3"/>
      <c r="G63" s="6"/>
    </row>
    <row r="64" spans="1:8" x14ac:dyDescent="0.2">
      <c r="A64" s="15"/>
      <c r="B64" s="3"/>
      <c r="C64" s="6"/>
      <c r="D64" s="3"/>
      <c r="E64" s="15"/>
      <c r="F64" s="3"/>
      <c r="G64" s="6"/>
    </row>
    <row r="65" spans="1:7" x14ac:dyDescent="0.2">
      <c r="A65" s="15"/>
      <c r="B65" s="3"/>
      <c r="C65" s="6"/>
      <c r="E65" s="15"/>
      <c r="F65" s="3"/>
      <c r="G65" s="6"/>
    </row>
    <row r="66" spans="1:7" x14ac:dyDescent="0.2">
      <c r="A66" s="15"/>
      <c r="B66" s="3"/>
      <c r="C66" s="6"/>
      <c r="E66" s="15"/>
      <c r="F66" s="3"/>
      <c r="G66" s="6"/>
    </row>
    <row r="67" spans="1:7" x14ac:dyDescent="0.2">
      <c r="A67" s="15"/>
      <c r="B67" s="3"/>
      <c r="C67" s="6"/>
      <c r="E67" s="15"/>
      <c r="F67" s="3"/>
      <c r="G67" s="6"/>
    </row>
  </sheetData>
  <conditionalFormatting sqref="C9">
    <cfRule type="duplicateValues" dxfId="314" priority="42" stopIfTrue="1"/>
    <cfRule type="duplicateValues" dxfId="313" priority="44" stopIfTrue="1"/>
    <cfRule type="duplicateValues" dxfId="312" priority="43" stopIfTrue="1"/>
  </conditionalFormatting>
  <conditionalFormatting sqref="C10">
    <cfRule type="duplicateValues" dxfId="311" priority="41"/>
  </conditionalFormatting>
  <conditionalFormatting sqref="C11">
    <cfRule type="duplicateValues" dxfId="310" priority="356" stopIfTrue="1"/>
  </conditionalFormatting>
  <conditionalFormatting sqref="C12">
    <cfRule type="duplicateValues" dxfId="309" priority="40"/>
  </conditionalFormatting>
  <conditionalFormatting sqref="C13">
    <cfRule type="duplicateValues" dxfId="308" priority="357" stopIfTrue="1"/>
  </conditionalFormatting>
  <conditionalFormatting sqref="C14">
    <cfRule type="duplicateValues" dxfId="307" priority="39"/>
  </conditionalFormatting>
  <conditionalFormatting sqref="C16">
    <cfRule type="duplicateValues" dxfId="306" priority="38"/>
  </conditionalFormatting>
  <conditionalFormatting sqref="C18">
    <cfRule type="duplicateValues" dxfId="305" priority="350" stopIfTrue="1"/>
  </conditionalFormatting>
  <conditionalFormatting sqref="C19">
    <cfRule type="duplicateValues" dxfId="304" priority="37"/>
  </conditionalFormatting>
  <conditionalFormatting sqref="C20">
    <cfRule type="duplicateValues" dxfId="303" priority="35"/>
  </conditionalFormatting>
  <conditionalFormatting sqref="C22">
    <cfRule type="duplicateValues" dxfId="302" priority="346" stopIfTrue="1"/>
  </conditionalFormatting>
  <conditionalFormatting sqref="C23">
    <cfRule type="duplicateValues" dxfId="301" priority="345" stopIfTrue="1"/>
  </conditionalFormatting>
  <conditionalFormatting sqref="C25">
    <cfRule type="duplicateValues" dxfId="300" priority="27"/>
  </conditionalFormatting>
  <conditionalFormatting sqref="C26">
    <cfRule type="duplicateValues" dxfId="299" priority="26" stopIfTrue="1"/>
    <cfRule type="duplicateValues" dxfId="298" priority="25" stopIfTrue="1"/>
    <cfRule type="duplicateValues" dxfId="297" priority="23"/>
    <cfRule type="duplicateValues" dxfId="296" priority="24" stopIfTrue="1"/>
  </conditionalFormatting>
  <conditionalFormatting sqref="C28">
    <cfRule type="duplicateValues" dxfId="295" priority="340" stopIfTrue="1"/>
  </conditionalFormatting>
  <conditionalFormatting sqref="C33">
    <cfRule type="duplicateValues" dxfId="294" priority="335" stopIfTrue="1"/>
  </conditionalFormatting>
  <conditionalFormatting sqref="C35">
    <cfRule type="duplicateValues" dxfId="293" priority="19"/>
  </conditionalFormatting>
  <conditionalFormatting sqref="C40">
    <cfRule type="duplicateValues" dxfId="292" priority="72" stopIfTrue="1"/>
  </conditionalFormatting>
  <conditionalFormatting sqref="C41">
    <cfRule type="duplicateValues" dxfId="291" priority="71" stopIfTrue="1"/>
  </conditionalFormatting>
  <conditionalFormatting sqref="C42">
    <cfRule type="duplicateValues" dxfId="290" priority="70" stopIfTrue="1"/>
  </conditionalFormatting>
  <conditionalFormatting sqref="C43">
    <cfRule type="duplicateValues" dxfId="289" priority="68" stopIfTrue="1"/>
  </conditionalFormatting>
  <conditionalFormatting sqref="C44">
    <cfRule type="duplicateValues" dxfId="288" priority="67" stopIfTrue="1"/>
  </conditionalFormatting>
  <conditionalFormatting sqref="C45">
    <cfRule type="duplicateValues" dxfId="287" priority="69" stopIfTrue="1"/>
  </conditionalFormatting>
  <conditionalFormatting sqref="C46">
    <cfRule type="duplicateValues" dxfId="286" priority="66" stopIfTrue="1"/>
  </conditionalFormatting>
  <conditionalFormatting sqref="C47">
    <cfRule type="duplicateValues" dxfId="285" priority="65" stopIfTrue="1"/>
  </conditionalFormatting>
  <conditionalFormatting sqref="C48">
    <cfRule type="duplicateValues" dxfId="284" priority="64" stopIfTrue="1"/>
  </conditionalFormatting>
  <conditionalFormatting sqref="C49">
    <cfRule type="duplicateValues" dxfId="283" priority="63" stopIfTrue="1"/>
  </conditionalFormatting>
  <conditionalFormatting sqref="C50">
    <cfRule type="duplicateValues" dxfId="282" priority="62" stopIfTrue="1"/>
  </conditionalFormatting>
  <conditionalFormatting sqref="C51">
    <cfRule type="duplicateValues" dxfId="281" priority="61" stopIfTrue="1"/>
  </conditionalFormatting>
  <conditionalFormatting sqref="C52">
    <cfRule type="duplicateValues" dxfId="280" priority="60" stopIfTrue="1"/>
  </conditionalFormatting>
  <conditionalFormatting sqref="C53">
    <cfRule type="duplicateValues" dxfId="279" priority="59" stopIfTrue="1"/>
  </conditionalFormatting>
  <conditionalFormatting sqref="C54">
    <cfRule type="duplicateValues" dxfId="278" priority="58" stopIfTrue="1"/>
  </conditionalFormatting>
  <conditionalFormatting sqref="C55">
    <cfRule type="duplicateValues" dxfId="277" priority="57" stopIfTrue="1"/>
  </conditionalFormatting>
  <conditionalFormatting sqref="C56">
    <cfRule type="duplicateValues" dxfId="276" priority="56" stopIfTrue="1"/>
  </conditionalFormatting>
  <conditionalFormatting sqref="C57">
    <cfRule type="duplicateValues" dxfId="275" priority="55" stopIfTrue="1"/>
  </conditionalFormatting>
  <conditionalFormatting sqref="C58">
    <cfRule type="duplicateValues" dxfId="274" priority="54" stopIfTrue="1"/>
  </conditionalFormatting>
  <conditionalFormatting sqref="C59">
    <cfRule type="duplicateValues" dxfId="273" priority="53" stopIfTrue="1"/>
  </conditionalFormatting>
  <conditionalFormatting sqref="C60">
    <cfRule type="duplicateValues" dxfId="272" priority="52" stopIfTrue="1"/>
  </conditionalFormatting>
  <conditionalFormatting sqref="C61">
    <cfRule type="duplicateValues" dxfId="271" priority="51" stopIfTrue="1"/>
  </conditionalFormatting>
  <conditionalFormatting sqref="C62">
    <cfRule type="duplicateValues" dxfId="270" priority="50" stopIfTrue="1"/>
  </conditionalFormatting>
  <conditionalFormatting sqref="C63">
    <cfRule type="duplicateValues" dxfId="269" priority="49" stopIfTrue="1"/>
  </conditionalFormatting>
  <conditionalFormatting sqref="C64">
    <cfRule type="duplicateValues" dxfId="268" priority="48" stopIfTrue="1"/>
  </conditionalFormatting>
  <conditionalFormatting sqref="C65">
    <cfRule type="duplicateValues" dxfId="267" priority="47" stopIfTrue="1"/>
  </conditionalFormatting>
  <conditionalFormatting sqref="C66">
    <cfRule type="duplicateValues" dxfId="266" priority="46" stopIfTrue="1"/>
  </conditionalFormatting>
  <conditionalFormatting sqref="C67">
    <cfRule type="duplicateValues" dxfId="265" priority="45" stopIfTrue="1"/>
  </conditionalFormatting>
  <conditionalFormatting sqref="D8">
    <cfRule type="duplicateValues" dxfId="264" priority="542" stopIfTrue="1"/>
    <cfRule type="duplicateValues" dxfId="263" priority="541" stopIfTrue="1"/>
  </conditionalFormatting>
  <conditionalFormatting sqref="D9">
    <cfRule type="duplicateValues" dxfId="262" priority="538" stopIfTrue="1"/>
    <cfRule type="duplicateValues" dxfId="261" priority="539" stopIfTrue="1"/>
  </conditionalFormatting>
  <conditionalFormatting sqref="D10">
    <cfRule type="duplicateValues" dxfId="260" priority="535" stopIfTrue="1"/>
    <cfRule type="duplicateValues" dxfId="259" priority="536" stopIfTrue="1"/>
  </conditionalFormatting>
  <conditionalFormatting sqref="D11">
    <cfRule type="duplicateValues" dxfId="258" priority="533" stopIfTrue="1"/>
    <cfRule type="duplicateValues" dxfId="257" priority="534" stopIfTrue="1"/>
  </conditionalFormatting>
  <conditionalFormatting sqref="D12">
    <cfRule type="duplicateValues" dxfId="256" priority="530" stopIfTrue="1"/>
    <cfRule type="duplicateValues" dxfId="255" priority="531" stopIfTrue="1"/>
  </conditionalFormatting>
  <conditionalFormatting sqref="D13">
    <cfRule type="duplicateValues" dxfId="254" priority="527" stopIfTrue="1"/>
    <cfRule type="duplicateValues" dxfId="253" priority="528" stopIfTrue="1"/>
  </conditionalFormatting>
  <conditionalFormatting sqref="D17">
    <cfRule type="duplicateValues" dxfId="252" priority="521" stopIfTrue="1"/>
    <cfRule type="duplicateValues" dxfId="251" priority="522" stopIfTrue="1"/>
  </conditionalFormatting>
  <conditionalFormatting sqref="D19">
    <cfRule type="duplicateValues" dxfId="250" priority="453" stopIfTrue="1"/>
    <cfRule type="duplicateValues" dxfId="249" priority="452" stopIfTrue="1"/>
  </conditionalFormatting>
  <conditionalFormatting sqref="D20">
    <cfRule type="duplicateValues" dxfId="248" priority="36"/>
  </conditionalFormatting>
  <conditionalFormatting sqref="D21">
    <cfRule type="duplicateValues" dxfId="247" priority="33" stopIfTrue="1"/>
    <cfRule type="duplicateValues" dxfId="246" priority="32" stopIfTrue="1"/>
    <cfRule type="duplicateValues" dxfId="245" priority="34" stopIfTrue="1"/>
  </conditionalFormatting>
  <conditionalFormatting sqref="D22:D23">
    <cfRule type="duplicateValues" dxfId="244" priority="508" stopIfTrue="1"/>
    <cfRule type="duplicateValues" dxfId="243" priority="507" stopIfTrue="1"/>
  </conditionalFormatting>
  <conditionalFormatting sqref="D24">
    <cfRule type="duplicateValues" dxfId="242" priority="28"/>
  </conditionalFormatting>
  <conditionalFormatting sqref="D26">
    <cfRule type="duplicateValues" dxfId="241" priority="22"/>
  </conditionalFormatting>
  <conditionalFormatting sqref="D28">
    <cfRule type="duplicateValues" dxfId="240" priority="492" stopIfTrue="1"/>
    <cfRule type="duplicateValues" dxfId="239" priority="491" stopIfTrue="1"/>
  </conditionalFormatting>
  <conditionalFormatting sqref="D30">
    <cfRule type="duplicateValues" dxfId="238" priority="21"/>
  </conditionalFormatting>
  <conditionalFormatting sqref="D31:D32">
    <cfRule type="duplicateValues" dxfId="237" priority="487" stopIfTrue="1"/>
    <cfRule type="duplicateValues" dxfId="236" priority="486" stopIfTrue="1"/>
  </conditionalFormatting>
  <conditionalFormatting sqref="D33">
    <cfRule type="duplicateValues" dxfId="235" priority="481" stopIfTrue="1"/>
    <cfRule type="duplicateValues" dxfId="234" priority="482" stopIfTrue="1"/>
  </conditionalFormatting>
  <conditionalFormatting sqref="D34">
    <cfRule type="duplicateValues" dxfId="233" priority="20"/>
  </conditionalFormatting>
  <conditionalFormatting sqref="D35">
    <cfRule type="duplicateValues" dxfId="232" priority="478" stopIfTrue="1"/>
    <cfRule type="duplicateValues" dxfId="231" priority="479" stopIfTrue="1"/>
  </conditionalFormatting>
  <conditionalFormatting sqref="D40">
    <cfRule type="duplicateValues" dxfId="230" priority="104" stopIfTrue="1"/>
    <cfRule type="duplicateValues" dxfId="229" priority="103" stopIfTrue="1"/>
  </conditionalFormatting>
  <conditionalFormatting sqref="D41">
    <cfRule type="duplicateValues" dxfId="228" priority="102" stopIfTrue="1"/>
    <cfRule type="duplicateValues" dxfId="227" priority="101" stopIfTrue="1"/>
  </conditionalFormatting>
  <conditionalFormatting sqref="D42">
    <cfRule type="duplicateValues" dxfId="226" priority="100" stopIfTrue="1"/>
    <cfRule type="duplicateValues" dxfId="225" priority="99" stopIfTrue="1"/>
  </conditionalFormatting>
  <conditionalFormatting sqref="D43">
    <cfRule type="duplicateValues" dxfId="224" priority="98" stopIfTrue="1"/>
    <cfRule type="duplicateValues" dxfId="223" priority="97" stopIfTrue="1"/>
  </conditionalFormatting>
  <conditionalFormatting sqref="D44">
    <cfRule type="duplicateValues" dxfId="222" priority="96" stopIfTrue="1"/>
    <cfRule type="duplicateValues" dxfId="221" priority="95" stopIfTrue="1"/>
  </conditionalFormatting>
  <conditionalFormatting sqref="D45">
    <cfRule type="duplicateValues" dxfId="220" priority="93" stopIfTrue="1"/>
    <cfRule type="duplicateValues" dxfId="219" priority="94" stopIfTrue="1"/>
  </conditionalFormatting>
  <conditionalFormatting sqref="D49">
    <cfRule type="duplicateValues" dxfId="218" priority="92" stopIfTrue="1"/>
    <cfRule type="duplicateValues" dxfId="217" priority="91" stopIfTrue="1"/>
  </conditionalFormatting>
  <conditionalFormatting sqref="D51">
    <cfRule type="duplicateValues" dxfId="216" priority="73" stopIfTrue="1"/>
    <cfRule type="duplicateValues" dxfId="215" priority="74" stopIfTrue="1"/>
  </conditionalFormatting>
  <conditionalFormatting sqref="D52">
    <cfRule type="duplicateValues" dxfId="214" priority="90" stopIfTrue="1"/>
    <cfRule type="duplicateValues" dxfId="213" priority="89" stopIfTrue="1"/>
  </conditionalFormatting>
  <conditionalFormatting sqref="D53">
    <cfRule type="duplicateValues" dxfId="212" priority="88" stopIfTrue="1"/>
    <cfRule type="duplicateValues" dxfId="211" priority="87" stopIfTrue="1"/>
  </conditionalFormatting>
  <conditionalFormatting sqref="D54:D55">
    <cfRule type="duplicateValues" dxfId="210" priority="86" stopIfTrue="1"/>
    <cfRule type="duplicateValues" dxfId="209" priority="85" stopIfTrue="1"/>
  </conditionalFormatting>
  <conditionalFormatting sqref="D56">
    <cfRule type="duplicateValues" dxfId="208" priority="84" stopIfTrue="1"/>
    <cfRule type="duplicateValues" dxfId="207" priority="83" stopIfTrue="1"/>
  </conditionalFormatting>
  <conditionalFormatting sqref="D60:D61">
    <cfRule type="duplicateValues" dxfId="206" priority="82" stopIfTrue="1"/>
    <cfRule type="duplicateValues" dxfId="205" priority="81" stopIfTrue="1"/>
  </conditionalFormatting>
  <conditionalFormatting sqref="D63">
    <cfRule type="duplicateValues" dxfId="204" priority="80" stopIfTrue="1"/>
    <cfRule type="duplicateValues" dxfId="203" priority="79" stopIfTrue="1"/>
  </conditionalFormatting>
  <conditionalFormatting sqref="D65">
    <cfRule type="duplicateValues" dxfId="202" priority="78" stopIfTrue="1"/>
    <cfRule type="duplicateValues" dxfId="201" priority="77" stopIfTrue="1"/>
  </conditionalFormatting>
  <conditionalFormatting sqref="D66:D67">
    <cfRule type="duplicateValues" dxfId="200" priority="76" stopIfTrue="1"/>
    <cfRule type="duplicateValues" dxfId="199" priority="75" stopIfTrue="1"/>
  </conditionalFormatting>
  <conditionalFormatting sqref="G8">
    <cfRule type="duplicateValues" dxfId="198" priority="332" stopIfTrue="1"/>
  </conditionalFormatting>
  <conditionalFormatting sqref="G9">
    <cfRule type="duplicateValues" dxfId="197" priority="18"/>
  </conditionalFormatting>
  <conditionalFormatting sqref="G10">
    <cfRule type="duplicateValues" dxfId="196" priority="330" stopIfTrue="1"/>
  </conditionalFormatting>
  <conditionalFormatting sqref="G11">
    <cfRule type="duplicateValues" dxfId="195" priority="31" stopIfTrue="1"/>
  </conditionalFormatting>
  <conditionalFormatting sqref="G15">
    <cfRule type="duplicateValues" dxfId="194" priority="30" stopIfTrue="1"/>
  </conditionalFormatting>
  <conditionalFormatting sqref="G16">
    <cfRule type="duplicateValues" dxfId="193" priority="324" stopIfTrue="1"/>
  </conditionalFormatting>
  <conditionalFormatting sqref="G17">
    <cfRule type="duplicateValues" dxfId="192" priority="16"/>
  </conditionalFormatting>
  <conditionalFormatting sqref="G19">
    <cfRule type="duplicateValues" dxfId="191" priority="29" stopIfTrue="1"/>
  </conditionalFormatting>
  <conditionalFormatting sqref="G21">
    <cfRule type="duplicateValues" dxfId="190" priority="319" stopIfTrue="1"/>
  </conditionalFormatting>
  <conditionalFormatting sqref="G22">
    <cfRule type="duplicateValues" dxfId="189" priority="318" stopIfTrue="1"/>
  </conditionalFormatting>
  <conditionalFormatting sqref="G23">
    <cfRule type="duplicateValues" dxfId="188" priority="317" stopIfTrue="1"/>
  </conditionalFormatting>
  <conditionalFormatting sqref="G24">
    <cfRule type="duplicateValues" dxfId="187" priority="316" stopIfTrue="1"/>
  </conditionalFormatting>
  <conditionalFormatting sqref="G26">
    <cfRule type="duplicateValues" dxfId="186" priority="314" stopIfTrue="1"/>
  </conditionalFormatting>
  <conditionalFormatting sqref="G29">
    <cfRule type="duplicateValues" dxfId="185" priority="311" stopIfTrue="1"/>
  </conditionalFormatting>
  <conditionalFormatting sqref="G30">
    <cfRule type="duplicateValues" dxfId="184" priority="310" stopIfTrue="1"/>
  </conditionalFormatting>
  <conditionalFormatting sqref="G32">
    <cfRule type="duplicateValues" dxfId="183" priority="308" stopIfTrue="1"/>
  </conditionalFormatting>
  <conditionalFormatting sqref="G33">
    <cfRule type="duplicateValues" dxfId="182" priority="307" stopIfTrue="1"/>
  </conditionalFormatting>
  <conditionalFormatting sqref="G34">
    <cfRule type="duplicateValues" dxfId="181" priority="306" stopIfTrue="1"/>
  </conditionalFormatting>
  <conditionalFormatting sqref="G40">
    <cfRule type="duplicateValues" dxfId="180" priority="192" stopIfTrue="1"/>
  </conditionalFormatting>
  <conditionalFormatting sqref="G41">
    <cfRule type="duplicateValues" dxfId="179" priority="191" stopIfTrue="1"/>
  </conditionalFormatting>
  <conditionalFormatting sqref="G42">
    <cfRule type="duplicateValues" dxfId="178" priority="190" stopIfTrue="1"/>
  </conditionalFormatting>
  <conditionalFormatting sqref="G43">
    <cfRule type="duplicateValues" dxfId="177" priority="188" stopIfTrue="1"/>
  </conditionalFormatting>
  <conditionalFormatting sqref="G44">
    <cfRule type="duplicateValues" dxfId="176" priority="187" stopIfTrue="1"/>
  </conditionalFormatting>
  <conditionalFormatting sqref="G45">
    <cfRule type="duplicateValues" dxfId="175" priority="189" stopIfTrue="1"/>
  </conditionalFormatting>
  <conditionalFormatting sqref="G46">
    <cfRule type="duplicateValues" dxfId="174" priority="186" stopIfTrue="1"/>
  </conditionalFormatting>
  <conditionalFormatting sqref="G47">
    <cfRule type="duplicateValues" dxfId="173" priority="185" stopIfTrue="1"/>
  </conditionalFormatting>
  <conditionalFormatting sqref="G48">
    <cfRule type="duplicateValues" dxfId="172" priority="184" stopIfTrue="1"/>
  </conditionalFormatting>
  <conditionalFormatting sqref="G49">
    <cfRule type="duplicateValues" dxfId="171" priority="183" stopIfTrue="1"/>
  </conditionalFormatting>
  <conditionalFormatting sqref="G50">
    <cfRule type="duplicateValues" dxfId="170" priority="182" stopIfTrue="1"/>
  </conditionalFormatting>
  <conditionalFormatting sqref="G51">
    <cfRule type="duplicateValues" dxfId="169" priority="181" stopIfTrue="1"/>
  </conditionalFormatting>
  <conditionalFormatting sqref="G52">
    <cfRule type="duplicateValues" dxfId="168" priority="180" stopIfTrue="1"/>
  </conditionalFormatting>
  <conditionalFormatting sqref="G53">
    <cfRule type="duplicateValues" dxfId="167" priority="179" stopIfTrue="1"/>
  </conditionalFormatting>
  <conditionalFormatting sqref="G54">
    <cfRule type="duplicateValues" dxfId="166" priority="178" stopIfTrue="1"/>
  </conditionalFormatting>
  <conditionalFormatting sqref="G55">
    <cfRule type="duplicateValues" dxfId="165" priority="177" stopIfTrue="1"/>
  </conditionalFormatting>
  <conditionalFormatting sqref="G56">
    <cfRule type="duplicateValues" dxfId="164" priority="176" stopIfTrue="1"/>
  </conditionalFormatting>
  <conditionalFormatting sqref="G57">
    <cfRule type="duplicateValues" dxfId="163" priority="175" stopIfTrue="1"/>
  </conditionalFormatting>
  <conditionalFormatting sqref="G58">
    <cfRule type="duplicateValues" dxfId="162" priority="174" stopIfTrue="1"/>
  </conditionalFormatting>
  <conditionalFormatting sqref="G59">
    <cfRule type="duplicateValues" dxfId="161" priority="173" stopIfTrue="1"/>
  </conditionalFormatting>
  <conditionalFormatting sqref="G60">
    <cfRule type="duplicateValues" dxfId="160" priority="172" stopIfTrue="1"/>
  </conditionalFormatting>
  <conditionalFormatting sqref="G61">
    <cfRule type="duplicateValues" dxfId="159" priority="171" stopIfTrue="1"/>
  </conditionalFormatting>
  <conditionalFormatting sqref="G62">
    <cfRule type="duplicateValues" dxfId="158" priority="170" stopIfTrue="1"/>
  </conditionalFormatting>
  <conditionalFormatting sqref="G63">
    <cfRule type="duplicateValues" dxfId="157" priority="169" stopIfTrue="1"/>
  </conditionalFormatting>
  <conditionalFormatting sqref="G64">
    <cfRule type="duplicateValues" dxfId="156" priority="168" stopIfTrue="1"/>
  </conditionalFormatting>
  <conditionalFormatting sqref="G65">
    <cfRule type="duplicateValues" dxfId="155" priority="167" stopIfTrue="1"/>
  </conditionalFormatting>
  <conditionalFormatting sqref="G66">
    <cfRule type="duplicateValues" dxfId="154" priority="166" stopIfTrue="1"/>
  </conditionalFormatting>
  <conditionalFormatting sqref="G67">
    <cfRule type="duplicateValues" dxfId="153" priority="165" stopIfTrue="1"/>
  </conditionalFormatting>
  <conditionalFormatting sqref="H9">
    <cfRule type="duplicateValues" dxfId="152" priority="474" stopIfTrue="1"/>
    <cfRule type="duplicateValues" dxfId="151" priority="475" stopIfTrue="1"/>
  </conditionalFormatting>
  <conditionalFormatting sqref="H10">
    <cfRule type="duplicateValues" dxfId="150" priority="470" stopIfTrue="1"/>
    <cfRule type="duplicateValues" dxfId="149" priority="471" stopIfTrue="1"/>
  </conditionalFormatting>
  <conditionalFormatting sqref="H11">
    <cfRule type="duplicateValues" dxfId="148" priority="468" stopIfTrue="1"/>
    <cfRule type="duplicateValues" dxfId="147" priority="467" stopIfTrue="1"/>
  </conditionalFormatting>
  <conditionalFormatting sqref="H12">
    <cfRule type="duplicateValues" dxfId="146" priority="465" stopIfTrue="1"/>
    <cfRule type="duplicateValues" dxfId="145" priority="466" stopIfTrue="1"/>
  </conditionalFormatting>
  <conditionalFormatting sqref="H13">
    <cfRule type="duplicateValues" dxfId="144" priority="463" stopIfTrue="1"/>
    <cfRule type="duplicateValues" dxfId="143" priority="462" stopIfTrue="1"/>
  </conditionalFormatting>
  <conditionalFormatting sqref="H14">
    <cfRule type="duplicateValues" dxfId="142" priority="17"/>
  </conditionalFormatting>
  <conditionalFormatting sqref="H15">
    <cfRule type="duplicateValues" dxfId="141" priority="460" stopIfTrue="1"/>
  </conditionalFormatting>
  <conditionalFormatting sqref="H16">
    <cfRule type="duplicateValues" dxfId="140" priority="451" stopIfTrue="1"/>
  </conditionalFormatting>
  <conditionalFormatting sqref="H17">
    <cfRule type="duplicateValues" dxfId="139" priority="15"/>
  </conditionalFormatting>
  <conditionalFormatting sqref="H20">
    <cfRule type="duplicateValues" dxfId="138" priority="1"/>
  </conditionalFormatting>
  <conditionalFormatting sqref="H21">
    <cfRule type="duplicateValues" dxfId="137" priority="512" stopIfTrue="1"/>
    <cfRule type="duplicateValues" dxfId="136" priority="513" stopIfTrue="1"/>
  </conditionalFormatting>
  <conditionalFormatting sqref="H22:H23">
    <cfRule type="duplicateValues" dxfId="135" priority="506" stopIfTrue="1"/>
    <cfRule type="duplicateValues" dxfId="134" priority="505" stopIfTrue="1"/>
  </conditionalFormatting>
  <conditionalFormatting sqref="H24">
    <cfRule type="duplicateValues" dxfId="133" priority="498" stopIfTrue="1"/>
    <cfRule type="duplicateValues" dxfId="132" priority="497" stopIfTrue="1"/>
  </conditionalFormatting>
  <conditionalFormatting sqref="H26">
    <cfRule type="duplicateValues" dxfId="131" priority="429" stopIfTrue="1"/>
  </conditionalFormatting>
  <conditionalFormatting sqref="H27">
    <cfRule type="duplicateValues" dxfId="130" priority="428" stopIfTrue="1"/>
  </conditionalFormatting>
  <conditionalFormatting sqref="H28">
    <cfRule type="duplicateValues" dxfId="129" priority="14"/>
  </conditionalFormatting>
  <conditionalFormatting sqref="H31">
    <cfRule type="duplicateValues" dxfId="128" priority="415" stopIfTrue="1"/>
    <cfRule type="duplicateValues" dxfId="127" priority="416" stopIfTrue="1"/>
  </conditionalFormatting>
  <conditionalFormatting sqref="H34">
    <cfRule type="duplicateValues" dxfId="126" priority="411" stopIfTrue="1"/>
    <cfRule type="duplicateValues" dxfId="125" priority="412" stopIfTrue="1"/>
  </conditionalFormatting>
  <conditionalFormatting sqref="H35">
    <cfRule type="duplicateValues" dxfId="124" priority="410" stopIfTrue="1"/>
  </conditionalFormatting>
  <conditionalFormatting sqref="H47">
    <cfRule type="duplicateValues" dxfId="123" priority="369" stopIfTrue="1"/>
  </conditionalFormatting>
  <conditionalFormatting sqref="H48">
    <cfRule type="duplicateValues" dxfId="122" priority="368" stopIfTrue="1"/>
  </conditionalFormatting>
  <conditionalFormatting sqref="H55">
    <cfRule type="duplicateValues" dxfId="121" priority="375" stopIfTrue="1"/>
  </conditionalFormatting>
  <conditionalFormatting sqref="K8">
    <cfRule type="duplicateValues" dxfId="120" priority="132" stopIfTrue="1"/>
  </conditionalFormatting>
  <conditionalFormatting sqref="K9">
    <cfRule type="duplicateValues" dxfId="119" priority="131" stopIfTrue="1"/>
  </conditionalFormatting>
  <conditionalFormatting sqref="K11">
    <cfRule type="duplicateValues" dxfId="118" priority="128" stopIfTrue="1"/>
  </conditionalFormatting>
  <conditionalFormatting sqref="K12">
    <cfRule type="duplicateValues" dxfId="117" priority="127" stopIfTrue="1"/>
  </conditionalFormatting>
  <conditionalFormatting sqref="K13">
    <cfRule type="duplicateValues" dxfId="116" priority="129" stopIfTrue="1"/>
  </conditionalFormatting>
  <conditionalFormatting sqref="K14">
    <cfRule type="duplicateValues" dxfId="115" priority="126" stopIfTrue="1"/>
  </conditionalFormatting>
  <conditionalFormatting sqref="K16">
    <cfRule type="duplicateValues" dxfId="114" priority="124" stopIfTrue="1"/>
  </conditionalFormatting>
  <conditionalFormatting sqref="K17">
    <cfRule type="duplicateValues" dxfId="113" priority="123" stopIfTrue="1"/>
  </conditionalFormatting>
  <conditionalFormatting sqref="K18">
    <cfRule type="duplicateValues" dxfId="112" priority="122" stopIfTrue="1"/>
  </conditionalFormatting>
  <conditionalFormatting sqref="K19">
    <cfRule type="duplicateValues" dxfId="111" priority="121" stopIfTrue="1"/>
  </conditionalFormatting>
  <conditionalFormatting sqref="K20">
    <cfRule type="duplicateValues" dxfId="110" priority="120" stopIfTrue="1"/>
  </conditionalFormatting>
  <conditionalFormatting sqref="K21">
    <cfRule type="duplicateValues" dxfId="109" priority="119" stopIfTrue="1"/>
  </conditionalFormatting>
  <conditionalFormatting sqref="K22">
    <cfRule type="duplicateValues" dxfId="108" priority="118" stopIfTrue="1"/>
  </conditionalFormatting>
  <conditionalFormatting sqref="K23">
    <cfRule type="duplicateValues" dxfId="107" priority="117" stopIfTrue="1"/>
  </conditionalFormatting>
  <conditionalFormatting sqref="K24">
    <cfRule type="duplicateValues" dxfId="106" priority="116" stopIfTrue="1"/>
  </conditionalFormatting>
  <conditionalFormatting sqref="K25">
    <cfRule type="duplicateValues" dxfId="105" priority="13"/>
  </conditionalFormatting>
  <conditionalFormatting sqref="K26">
    <cfRule type="duplicateValues" dxfId="104" priority="114" stopIfTrue="1"/>
  </conditionalFormatting>
  <conditionalFormatting sqref="K28">
    <cfRule type="duplicateValues" dxfId="103" priority="112" stopIfTrue="1"/>
  </conditionalFormatting>
  <conditionalFormatting sqref="K30">
    <cfRule type="duplicateValues" dxfId="101" priority="110" stopIfTrue="1"/>
  </conditionalFormatting>
  <conditionalFormatting sqref="K32">
    <cfRule type="duplicateValues" dxfId="100" priority="108" stopIfTrue="1"/>
  </conditionalFormatting>
  <conditionalFormatting sqref="K33">
    <cfRule type="duplicateValues" dxfId="99" priority="107" stopIfTrue="1"/>
  </conditionalFormatting>
  <conditionalFormatting sqref="K34">
    <cfRule type="duplicateValues" dxfId="98" priority="106" stopIfTrue="1"/>
  </conditionalFormatting>
  <conditionalFormatting sqref="L8">
    <cfRule type="duplicateValues" dxfId="97" priority="164" stopIfTrue="1"/>
    <cfRule type="duplicateValues" dxfId="96" priority="163" stopIfTrue="1"/>
  </conditionalFormatting>
  <conditionalFormatting sqref="L9">
    <cfRule type="duplicateValues" dxfId="95" priority="161" stopIfTrue="1"/>
    <cfRule type="duplicateValues" dxfId="94" priority="162" stopIfTrue="1"/>
  </conditionalFormatting>
  <conditionalFormatting sqref="L10">
    <cfRule type="duplicateValues" dxfId="93" priority="159" stopIfTrue="1"/>
    <cfRule type="duplicateValues" dxfId="92" priority="160" stopIfTrue="1"/>
  </conditionalFormatting>
  <conditionalFormatting sqref="L11">
    <cfRule type="duplicateValues" dxfId="91" priority="158" stopIfTrue="1"/>
    <cfRule type="duplicateValues" dxfId="90" priority="157" stopIfTrue="1"/>
  </conditionalFormatting>
  <conditionalFormatting sqref="L12">
    <cfRule type="duplicateValues" dxfId="89" priority="156" stopIfTrue="1"/>
    <cfRule type="duplicateValues" dxfId="88" priority="155" stopIfTrue="1"/>
  </conditionalFormatting>
  <conditionalFormatting sqref="L13">
    <cfRule type="duplicateValues" dxfId="87" priority="153" stopIfTrue="1"/>
    <cfRule type="duplicateValues" dxfId="86" priority="154" stopIfTrue="1"/>
  </conditionalFormatting>
  <conditionalFormatting sqref="L17">
    <cfRule type="duplicateValues" dxfId="85" priority="152" stopIfTrue="1"/>
    <cfRule type="duplicateValues" dxfId="84" priority="151" stopIfTrue="1"/>
  </conditionalFormatting>
  <conditionalFormatting sqref="L19">
    <cfRule type="duplicateValues" dxfId="83" priority="134" stopIfTrue="1"/>
    <cfRule type="duplicateValues" dxfId="82" priority="133" stopIfTrue="1"/>
  </conditionalFormatting>
  <conditionalFormatting sqref="L20">
    <cfRule type="duplicateValues" dxfId="81" priority="150" stopIfTrue="1"/>
    <cfRule type="duplicateValues" dxfId="80" priority="149" stopIfTrue="1"/>
  </conditionalFormatting>
  <conditionalFormatting sqref="L21">
    <cfRule type="duplicateValues" dxfId="79" priority="147" stopIfTrue="1"/>
    <cfRule type="duplicateValues" dxfId="78" priority="148" stopIfTrue="1"/>
  </conditionalFormatting>
  <conditionalFormatting sqref="L22:L23">
    <cfRule type="duplicateValues" dxfId="77" priority="145" stopIfTrue="1"/>
    <cfRule type="duplicateValues" dxfId="76" priority="146" stopIfTrue="1"/>
  </conditionalFormatting>
  <conditionalFormatting sqref="L24">
    <cfRule type="duplicateValues" dxfId="75" priority="143" stopIfTrue="1"/>
    <cfRule type="duplicateValues" dxfId="74" priority="144" stopIfTrue="1"/>
  </conditionalFormatting>
  <conditionalFormatting sqref="L28:L29">
    <cfRule type="duplicateValues" dxfId="73" priority="141" stopIfTrue="1"/>
    <cfRule type="duplicateValues" dxfId="72" priority="142" stopIfTrue="1"/>
  </conditionalFormatting>
  <conditionalFormatting sqref="L31">
    <cfRule type="duplicateValues" dxfId="71" priority="139" stopIfTrue="1"/>
    <cfRule type="duplicateValues" dxfId="70" priority="140" stopIfTrue="1"/>
  </conditionalFormatting>
  <conditionalFormatting sqref="L33">
    <cfRule type="duplicateValues" dxfId="69" priority="137" stopIfTrue="1"/>
    <cfRule type="duplicateValues" dxfId="68" priority="138" stopIfTrue="1"/>
  </conditionalFormatting>
  <conditionalFormatting sqref="L34:L35">
    <cfRule type="duplicateValues" dxfId="67" priority="135" stopIfTrue="1"/>
    <cfRule type="duplicateValues" dxfId="66" priority="136" stopIfTrue="1"/>
  </conditionalFormatting>
  <conditionalFormatting sqref="O8">
    <cfRule type="duplicateValues" dxfId="65" priority="276" stopIfTrue="1"/>
  </conditionalFormatting>
  <conditionalFormatting sqref="O8:O26">
    <cfRule type="duplicateValues" dxfId="64" priority="273" stopIfTrue="1"/>
  </conditionalFormatting>
  <conditionalFormatting sqref="O9">
    <cfRule type="duplicateValues" dxfId="63" priority="275" stopIfTrue="1"/>
  </conditionalFormatting>
  <conditionalFormatting sqref="O10">
    <cfRule type="duplicateValues" dxfId="62" priority="274" stopIfTrue="1"/>
  </conditionalFormatting>
  <conditionalFormatting sqref="O11">
    <cfRule type="duplicateValues" dxfId="61" priority="272" stopIfTrue="1"/>
  </conditionalFormatting>
  <conditionalFormatting sqref="O12">
    <cfRule type="duplicateValues" dxfId="60" priority="271" stopIfTrue="1"/>
  </conditionalFormatting>
  <conditionalFormatting sqref="O14">
    <cfRule type="duplicateValues" dxfId="59" priority="270" stopIfTrue="1"/>
  </conditionalFormatting>
  <conditionalFormatting sqref="O15">
    <cfRule type="duplicateValues" dxfId="58" priority="269" stopIfTrue="1"/>
  </conditionalFormatting>
  <conditionalFormatting sqref="O16">
    <cfRule type="duplicateValues" dxfId="57" priority="268" stopIfTrue="1"/>
  </conditionalFormatting>
  <conditionalFormatting sqref="O17">
    <cfRule type="duplicateValues" dxfId="56" priority="267" stopIfTrue="1"/>
  </conditionalFormatting>
  <conditionalFormatting sqref="O18">
    <cfRule type="duplicateValues" dxfId="55" priority="266" stopIfTrue="1"/>
  </conditionalFormatting>
  <conditionalFormatting sqref="O19">
    <cfRule type="duplicateValues" dxfId="54" priority="265" stopIfTrue="1"/>
  </conditionalFormatting>
  <conditionalFormatting sqref="O20">
    <cfRule type="duplicateValues" dxfId="53" priority="264" stopIfTrue="1"/>
  </conditionalFormatting>
  <conditionalFormatting sqref="O21">
    <cfRule type="duplicateValues" dxfId="52" priority="263" stopIfTrue="1"/>
  </conditionalFormatting>
  <conditionalFormatting sqref="O22">
    <cfRule type="duplicateValues" dxfId="51" priority="262" stopIfTrue="1"/>
  </conditionalFormatting>
  <conditionalFormatting sqref="O23">
    <cfRule type="duplicateValues" dxfId="50" priority="261" stopIfTrue="1"/>
  </conditionalFormatting>
  <conditionalFormatting sqref="O24">
    <cfRule type="duplicateValues" dxfId="49" priority="260" stopIfTrue="1"/>
  </conditionalFormatting>
  <conditionalFormatting sqref="O25">
    <cfRule type="duplicateValues" dxfId="48" priority="259" stopIfTrue="1"/>
  </conditionalFormatting>
  <conditionalFormatting sqref="O26">
    <cfRule type="duplicateValues" dxfId="47" priority="258" stopIfTrue="1"/>
  </conditionalFormatting>
  <conditionalFormatting sqref="O27">
    <cfRule type="duplicateValues" dxfId="46" priority="12"/>
  </conditionalFormatting>
  <conditionalFormatting sqref="O28:O35">
    <cfRule type="duplicateValues" dxfId="45" priority="11" stopIfTrue="1"/>
    <cfRule type="duplicateValues" dxfId="44" priority="10" stopIfTrue="1"/>
  </conditionalFormatting>
  <conditionalFormatting sqref="P14">
    <cfRule type="duplicateValues" dxfId="43" priority="394" stopIfTrue="1"/>
  </conditionalFormatting>
  <conditionalFormatting sqref="P15">
    <cfRule type="duplicateValues" dxfId="42" priority="459" stopIfTrue="1"/>
  </conditionalFormatting>
  <conditionalFormatting sqref="P23">
    <cfRule type="duplicateValues" dxfId="41" priority="401" stopIfTrue="1"/>
  </conditionalFormatting>
  <conditionalFormatting sqref="P27">
    <cfRule type="duplicateValues" dxfId="40" priority="421" stopIfTrue="1"/>
    <cfRule type="duplicateValues" dxfId="39" priority="420" stopIfTrue="1"/>
  </conditionalFormatting>
  <conditionalFormatting sqref="P29">
    <cfRule type="duplicateValues" dxfId="38" priority="393" stopIfTrue="1"/>
  </conditionalFormatting>
  <conditionalFormatting sqref="P35">
    <cfRule type="duplicateValues" dxfId="37" priority="364" stopIfTrue="1"/>
    <cfRule type="duplicateValues" dxfId="36" priority="365" stopIfTrue="1"/>
    <cfRule type="duplicateValues" dxfId="35" priority="366" stopIfTrue="1"/>
  </conditionalFormatting>
  <conditionalFormatting sqref="S9">
    <cfRule type="duplicateValues" dxfId="34" priority="3"/>
  </conditionalFormatting>
  <conditionalFormatting sqref="S10">
    <cfRule type="duplicateValues" dxfId="33" priority="7"/>
  </conditionalFormatting>
  <conditionalFormatting sqref="S12">
    <cfRule type="duplicateValues" dxfId="32" priority="4" stopIfTrue="1"/>
    <cfRule type="duplicateValues" dxfId="31" priority="5" stopIfTrue="1"/>
    <cfRule type="duplicateValues" dxfId="30" priority="6" stopIfTrue="1"/>
  </conditionalFormatting>
  <conditionalFormatting sqref="S13">
    <cfRule type="duplicateValues" dxfId="29" priority="2"/>
  </conditionalFormatting>
  <conditionalFormatting sqref="S14">
    <cfRule type="duplicateValues" dxfId="28" priority="242" stopIfTrue="1"/>
  </conditionalFormatting>
  <conditionalFormatting sqref="S15">
    <cfRule type="duplicateValues" dxfId="27" priority="241" stopIfTrue="1"/>
  </conditionalFormatting>
  <conditionalFormatting sqref="S16">
    <cfRule type="duplicateValues" dxfId="26" priority="240" stopIfTrue="1"/>
  </conditionalFormatting>
  <conditionalFormatting sqref="S17">
    <cfRule type="duplicateValues" dxfId="25" priority="239" stopIfTrue="1"/>
  </conditionalFormatting>
  <conditionalFormatting sqref="S18">
    <cfRule type="duplicateValues" dxfId="24" priority="238" stopIfTrue="1"/>
  </conditionalFormatting>
  <conditionalFormatting sqref="S19">
    <cfRule type="duplicateValues" dxfId="23" priority="237" stopIfTrue="1"/>
  </conditionalFormatting>
  <conditionalFormatting sqref="S20">
    <cfRule type="duplicateValues" dxfId="22" priority="236" stopIfTrue="1"/>
  </conditionalFormatting>
  <conditionalFormatting sqref="S21">
    <cfRule type="duplicateValues" dxfId="21" priority="235" stopIfTrue="1"/>
  </conditionalFormatting>
  <conditionalFormatting sqref="S22">
    <cfRule type="duplicateValues" dxfId="20" priority="234" stopIfTrue="1"/>
  </conditionalFormatting>
  <conditionalFormatting sqref="S23">
    <cfRule type="duplicateValues" dxfId="19" priority="233" stopIfTrue="1"/>
  </conditionalFormatting>
  <conditionalFormatting sqref="S24">
    <cfRule type="duplicateValues" dxfId="18" priority="232" stopIfTrue="1"/>
  </conditionalFormatting>
  <conditionalFormatting sqref="S25">
    <cfRule type="duplicateValues" dxfId="17" priority="231" stopIfTrue="1"/>
  </conditionalFormatting>
  <conditionalFormatting sqref="S26">
    <cfRule type="duplicateValues" dxfId="16" priority="230" stopIfTrue="1"/>
  </conditionalFormatting>
  <conditionalFormatting sqref="S27">
    <cfRule type="duplicateValues" dxfId="15" priority="229" stopIfTrue="1"/>
  </conditionalFormatting>
  <conditionalFormatting sqref="S28">
    <cfRule type="duplicateValues" dxfId="14" priority="228" stopIfTrue="1"/>
  </conditionalFormatting>
  <conditionalFormatting sqref="S29">
    <cfRule type="duplicateValues" dxfId="13" priority="227" stopIfTrue="1"/>
  </conditionalFormatting>
  <conditionalFormatting sqref="S30">
    <cfRule type="duplicateValues" dxfId="12" priority="226" stopIfTrue="1"/>
  </conditionalFormatting>
  <conditionalFormatting sqref="S31">
    <cfRule type="duplicateValues" dxfId="11" priority="225" stopIfTrue="1"/>
  </conditionalFormatting>
  <conditionalFormatting sqref="S32">
    <cfRule type="duplicateValues" dxfId="10" priority="224" stopIfTrue="1"/>
  </conditionalFormatting>
  <conditionalFormatting sqref="S33">
    <cfRule type="duplicateValues" dxfId="9" priority="223" stopIfTrue="1"/>
  </conditionalFormatting>
  <conditionalFormatting sqref="S34">
    <cfRule type="duplicateValues" dxfId="8" priority="222" stopIfTrue="1"/>
  </conditionalFormatting>
  <conditionalFormatting sqref="S35">
    <cfRule type="duplicateValues" dxfId="7" priority="221" stopIfTrue="1"/>
  </conditionalFormatting>
  <conditionalFormatting sqref="T8">
    <cfRule type="duplicateValues" dxfId="6" priority="9"/>
  </conditionalFormatting>
  <conditionalFormatting sqref="T9 T11:T13">
    <cfRule type="duplicateValues" dxfId="5" priority="8"/>
  </conditionalFormatting>
  <conditionalFormatting sqref="T15">
    <cfRule type="duplicateValues" dxfId="4" priority="454" stopIfTrue="1"/>
  </conditionalFormatting>
  <conditionalFormatting sqref="T16">
    <cfRule type="duplicateValues" dxfId="3" priority="448" stopIfTrue="1"/>
  </conditionalFormatting>
  <conditionalFormatting sqref="T17">
    <cfRule type="duplicateValues" dxfId="2" priority="361" stopIfTrue="1"/>
  </conditionalFormatting>
  <conditionalFormatting sqref="T23">
    <cfRule type="duplicateValues" dxfId="1" priority="400" stopIfTrue="1"/>
  </conditionalFormatting>
  <conditionalFormatting sqref="T29">
    <cfRule type="duplicateValues" dxfId="0" priority="391" stopIfTrue="1"/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2022 Rookie Free-Agent Draft</vt:lpstr>
      <vt:lpstr>2022 Supplemental Draf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</dc:creator>
  <cp:lastModifiedBy>Dennis Crowley</cp:lastModifiedBy>
  <dcterms:created xsi:type="dcterms:W3CDTF">2004-01-12T03:50:34Z</dcterms:created>
  <dcterms:modified xsi:type="dcterms:W3CDTF">2023-10-08T16:03:04Z</dcterms:modified>
</cp:coreProperties>
</file>